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3.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4.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95" r:id="rId3"/>
    <p:sldMasterId id="2147483721" r:id="rId4"/>
  </p:sldMasterIdLst>
  <p:notesMasterIdLst>
    <p:notesMasterId r:id="rId19"/>
  </p:notesMasterIdLst>
  <p:handoutMasterIdLst>
    <p:handoutMasterId r:id="rId20"/>
  </p:handoutMasterIdLst>
  <p:sldIdLst>
    <p:sldId id="257" r:id="rId5"/>
    <p:sldId id="4194" r:id="rId6"/>
    <p:sldId id="4228" r:id="rId7"/>
    <p:sldId id="4215" r:id="rId8"/>
    <p:sldId id="4224" r:id="rId9"/>
    <p:sldId id="4223" r:id="rId10"/>
    <p:sldId id="4210" r:id="rId11"/>
    <p:sldId id="4217" r:id="rId12"/>
    <p:sldId id="4227" r:id="rId13"/>
    <p:sldId id="4226" r:id="rId14"/>
    <p:sldId id="4229" r:id="rId15"/>
    <p:sldId id="4216" r:id="rId16"/>
    <p:sldId id="4225" r:id="rId17"/>
    <p:sldId id="4192" r:id="rId18"/>
  </p:sldIdLst>
  <p:sldSz cx="24384000" cy="13716000"/>
  <p:notesSz cx="6800850" cy="9932988"/>
  <p:defaultTex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1pPr>
    <a:lvl2pPr marL="0" marR="0" indent="228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2pPr>
    <a:lvl3pPr marL="0" marR="0" indent="457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3pPr>
    <a:lvl4pPr marL="0" marR="0" indent="685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4pPr>
    <a:lvl5pPr marL="0" marR="0" indent="9144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5pPr>
    <a:lvl6pPr marL="0" marR="0" indent="11430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6pPr>
    <a:lvl7pPr marL="0" marR="0" indent="1371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7pPr>
    <a:lvl8pPr marL="0" marR="0" indent="1600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8pPr>
    <a:lvl9pPr marL="0" marR="0" indent="1828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9" userDrawn="1">
          <p15:clr>
            <a:srgbClr val="A4A3A4"/>
          </p15:clr>
        </p15:guide>
        <p15:guide id="2" pos="2142"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Rg st="1" end="15"/>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D5B"/>
    <a:srgbClr val="305496"/>
    <a:srgbClr val="434343"/>
    <a:srgbClr val="EA5F00"/>
    <a:srgbClr val="58585A"/>
    <a:srgbClr val="7798D3"/>
    <a:srgbClr val="BCE292"/>
    <a:srgbClr val="FAC360"/>
    <a:srgbClr val="F7A81B"/>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045083B-15C0-4F0B-AA82-FBD27338DEAD}" v="205" dt="2023-09-25T02:12:03.851"/>
  </p1510:revLst>
</p1510:revInfo>
</file>

<file path=ppt/tableStyles.xml><?xml version="1.0" encoding="utf-8"?>
<a:tblStyleLst xmlns:a="http://schemas.openxmlformats.org/drawingml/2006/main" def="{5940675A-B579-460E-94D1-54222C63F5DA}">
  <a:tblStyle styleId="{4C3C2611-4C71-4FC5-86AE-919BDF0F9419}" styleName="">
    <a:tblBg/>
    <a:wholeTbl>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wholeTbl>
    <a:band2H>
      <a:tcTxStyle/>
      <a:tcStyle>
        <a:tcBdr/>
        <a:fill>
          <a:solidFill>
            <a:srgbClr val="E3E5E8"/>
          </a:solidFill>
        </a:fill>
      </a:tcStyle>
    </a:band2H>
    <a:firstCol>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lumOff val="-13575"/>
            </a:schemeClr>
          </a:solidFill>
        </a:fill>
      </a:tcStyle>
    </a:firstCol>
    <a:lastRow>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solidFill>
                <a:srgbClr val="3797C6"/>
              </a:solidFill>
              <a:prstDash val="solid"/>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lastRow>
    <a:firstRow>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hueOff val="114395"/>
              <a:lumOff val="-24975"/>
            </a:schemeClr>
          </a:solidFill>
        </a:fill>
      </a:tcStyle>
    </a:firstRow>
  </a:tblStyle>
  <a:tblStyle styleId="{C7B018BB-80A7-4F77-B60F-C8B233D01FF8}" styleName="">
    <a:tblBg/>
    <a:wholeTbl>
      <a:tcTxStyle b="off" i="off">
        <a:font>
          <a:latin typeface="Helvetica Neue"/>
          <a:ea typeface="Helvetica Neue"/>
          <a:cs typeface="Helvetica Neue"/>
        </a:font>
        <a:srgbClr val="000000"/>
      </a:tcTxStyle>
      <a:tcStyle>
        <a:tcBdr>
          <a:left>
            <a:ln w="12700" cap="flat">
              <a:solidFill>
                <a:srgbClr val="B8B8B8"/>
              </a:solidFill>
              <a:prstDash val="solid"/>
              <a:miter lim="400000"/>
            </a:ln>
          </a:left>
          <a:right>
            <a:ln w="12700" cap="flat">
              <a:solidFill>
                <a:srgbClr val="B8B8B8"/>
              </a:solidFill>
              <a:prstDash val="solid"/>
              <a:miter lim="400000"/>
            </a:ln>
          </a:right>
          <a:top>
            <a:ln w="12700" cap="flat">
              <a:solidFill>
                <a:srgbClr val="B8B8B8"/>
              </a:solidFill>
              <a:prstDash val="solid"/>
              <a:miter lim="400000"/>
            </a:ln>
          </a:top>
          <a:bottom>
            <a:ln w="12700" cap="flat">
              <a:solidFill>
                <a:srgbClr val="B8B8B8"/>
              </a:solidFill>
              <a:prstDash val="solid"/>
              <a:miter lim="400000"/>
            </a:ln>
          </a:bottom>
          <a:insideH>
            <a:ln w="12700" cap="flat">
              <a:solidFill>
                <a:srgbClr val="B8B8B8"/>
              </a:solidFill>
              <a:prstDash val="solid"/>
              <a:miter lim="400000"/>
            </a:ln>
          </a:insideH>
          <a:insideV>
            <a:ln w="12700" cap="flat">
              <a:solidFill>
                <a:srgbClr val="B8B8B8"/>
              </a:solidFill>
              <a:prstDash val="solid"/>
              <a:miter lim="400000"/>
            </a:ln>
          </a:insideV>
        </a:tcBdr>
        <a:fill>
          <a:solidFill>
            <a:srgbClr val="EBEBEB"/>
          </a:solidFill>
        </a:fill>
      </a:tcStyle>
    </a:wholeTbl>
    <a:band2H>
      <a:tcTxStyle/>
      <a:tcStyle>
        <a:tcBdr/>
        <a:fill>
          <a:solidFill>
            <a:srgbClr val="E1E0DA"/>
          </a:solidFill>
        </a:fill>
      </a:tcStyle>
    </a:band2H>
    <a:firstCol>
      <a:tcTxStyle b="off" i="off">
        <a:fontRef idx="minor">
          <a:srgbClr val="FFFFFF"/>
        </a:fontRef>
        <a:srgbClr val="FFFFFF"/>
      </a:tcTxStyle>
      <a:tcStyle>
        <a:tcBdr>
          <a:left>
            <a:ln w="12700" cap="flat">
              <a:solidFill>
                <a:srgbClr val="606060"/>
              </a:solidFill>
              <a:prstDash val="solid"/>
              <a:miter lim="400000"/>
            </a:ln>
          </a:left>
          <a:right>
            <a:ln w="12700" cap="flat">
              <a:solidFill>
                <a:srgbClr val="606060"/>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chemeClr val="accent3">
              <a:hueOff val="362282"/>
              <a:satOff val="31803"/>
              <a:lumOff val="-18242"/>
            </a:schemeClr>
          </a:solidFill>
        </a:fill>
      </a:tcStyle>
    </a:firstCol>
    <a:lastRow>
      <a:tcTxStyle b="off" i="off">
        <a:font>
          <a:latin typeface="Helvetica Neue"/>
          <a:ea typeface="Helvetica Neue"/>
          <a:cs typeface="Helvetica Neue"/>
        </a:font>
        <a:srgbClr val="000000"/>
      </a:tcTxStyle>
      <a:tcStyle>
        <a:tcBdr>
          <a:left>
            <a:ln w="12700" cap="flat">
              <a:solidFill>
                <a:srgbClr val="606060"/>
              </a:solidFill>
              <a:prstDash val="solid"/>
              <a:miter lim="400000"/>
            </a:ln>
          </a:left>
          <a:right>
            <a:ln w="12700" cap="flat">
              <a:solidFill>
                <a:srgbClr val="606060"/>
              </a:solidFill>
              <a:prstDash val="solid"/>
              <a:miter lim="400000"/>
            </a:ln>
          </a:right>
          <a:top>
            <a:ln w="254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rgbClr val="EBEBEB"/>
          </a:solidFill>
        </a:fill>
      </a:tcStyle>
    </a:lastRow>
    <a:firstRow>
      <a:tcTxStyle b="off" i="off">
        <a:fontRef idx="minor">
          <a:srgbClr val="FFFFFF"/>
        </a:fontRef>
        <a:srgbClr val="FFFFFF"/>
      </a:tcTxStyle>
      <a:tcStyle>
        <a:tcBdr>
          <a:left>
            <a:ln w="12700" cap="flat">
              <a:solidFill>
                <a:srgbClr val="929292"/>
              </a:solidFill>
              <a:prstDash val="solid"/>
              <a:miter lim="400000"/>
            </a:ln>
          </a:left>
          <a:right>
            <a:ln w="12700" cap="flat">
              <a:solidFill>
                <a:srgbClr val="929292"/>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929292"/>
              </a:solidFill>
              <a:prstDash val="solid"/>
              <a:miter lim="400000"/>
            </a:ln>
          </a:insideH>
          <a:insideV>
            <a:ln w="12700" cap="flat">
              <a:solidFill>
                <a:srgbClr val="929292"/>
              </a:solidFill>
              <a:prstDash val="solid"/>
              <a:miter lim="400000"/>
            </a:ln>
          </a:insideV>
        </a:tcBdr>
        <a:fill>
          <a:solidFill>
            <a:srgbClr val="017101"/>
          </a:solidFill>
        </a:fill>
      </a:tcStyle>
    </a:firstRow>
  </a:tblStyle>
  <a:tblStyle styleId="{EEE7283C-3CF3-47DC-8721-378D4A62B228}" styleName="">
    <a:tblBg/>
    <a:wholeTbl>
      <a:tcTxStyle b="off" i="off">
        <a:font>
          <a:latin typeface="Helvetica Neue Light"/>
          <a:ea typeface="Helvetica Neue Light"/>
          <a:cs typeface="Helvetica Neue Light"/>
        </a:font>
        <a:srgbClr val="000000"/>
      </a:tcTxStyle>
      <a:tcStyle>
        <a:tcBdr>
          <a:left>
            <a:ln w="12700" cap="flat">
              <a:solidFill>
                <a:srgbClr val="5D5D5D"/>
              </a:solidFill>
              <a:custDash>
                <a:ds d="200000" sp="200000"/>
              </a:custDash>
              <a:miter lim="400000"/>
            </a:ln>
          </a:left>
          <a:right>
            <a:ln w="12700" cap="flat">
              <a:solidFill>
                <a:srgbClr val="5D5D5D"/>
              </a:solidFill>
              <a:custDash>
                <a:ds d="200000" sp="200000"/>
              </a:custDash>
              <a:miter lim="400000"/>
            </a:ln>
          </a:right>
          <a:top>
            <a:ln w="12700" cap="flat">
              <a:solidFill>
                <a:srgbClr val="5D5D5D"/>
              </a:solidFill>
              <a:custDash>
                <a:ds d="200000" sp="200000"/>
              </a:custDash>
              <a:miter lim="400000"/>
            </a:ln>
          </a:top>
          <a:bottom>
            <a:ln w="12700" cap="flat">
              <a:solidFill>
                <a:srgbClr val="5D5D5D"/>
              </a:solidFill>
              <a:custDash>
                <a:ds d="200000" sp="200000"/>
              </a:custDash>
              <a:miter lim="400000"/>
            </a:ln>
          </a:bottom>
          <a:insideH>
            <a:ln w="12700" cap="flat">
              <a:solidFill>
                <a:srgbClr val="5D5D5D"/>
              </a:solidFill>
              <a:custDash>
                <a:ds d="200000" sp="200000"/>
              </a:custDash>
              <a:miter lim="400000"/>
            </a:ln>
          </a:insideH>
          <a:insideV>
            <a:ln w="12700" cap="flat">
              <a:solidFill>
                <a:srgbClr val="5D5D5D"/>
              </a:solidFill>
              <a:custDash>
                <a:ds d="200000" sp="200000"/>
              </a:custDash>
              <a:miter lim="400000"/>
            </a:ln>
          </a:insideV>
        </a:tcBdr>
        <a:fill>
          <a:solidFill>
            <a:srgbClr val="FAF7E9"/>
          </a:solidFill>
        </a:fill>
      </a:tcStyle>
    </a:wholeTbl>
    <a:band2H>
      <a:tcTxStyle/>
      <a:tcStyle>
        <a:tcBdr/>
        <a:fill>
          <a:solidFill>
            <a:srgbClr val="EDEADD"/>
          </a:solidFill>
        </a:fill>
      </a:tcStyle>
    </a:band2H>
    <a:firstCol>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9BA00"/>
          </a:solidFill>
        </a:fill>
      </a:tcStyle>
    </a:firstCol>
    <a:la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lastRow>
    <a:fir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firstRow>
  </a:tblStyle>
  <a:tblStyle styleId="{CF821DB8-F4EB-4A41-A1BA-3FCAFE7338EE}" styleName="">
    <a:tblBg/>
    <a:wholeTbl>
      <a:tcTxStyle b="off" i="off">
        <a:font>
          <a:latin typeface="Helvetica Neue"/>
          <a:ea typeface="Helvetica Neue"/>
          <a:cs typeface="Helvetica Neue"/>
        </a:font>
        <a:srgbClr val="000000"/>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EBEBEB"/>
          </a:solidFill>
        </a:fill>
      </a:tcStyle>
    </a:wholeTbl>
    <a:band2H>
      <a:tcTxStyle/>
      <a:tcStyle>
        <a:tcBdr/>
        <a:fill>
          <a:solidFill>
            <a:srgbClr val="DADBDA"/>
          </a:solidFill>
        </a:fill>
      </a:tcStyle>
    </a:band2H>
    <a:firstCol>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chemeClr val="accent6">
              <a:hueOff val="-146070"/>
              <a:satOff val="-10048"/>
              <a:lumOff val="-30626"/>
            </a:schemeClr>
          </a:solidFill>
        </a:fill>
      </a:tcStyle>
    </a:firstCol>
    <a:la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lastRow>
    <a:fir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firstRow>
  </a:tblStyle>
  <a:tblStyle styleId="{33BA23B1-9221-436E-865A-0063620EA4FD}" styleName="">
    <a:tblBg/>
    <a:wholeTbl>
      <a:tcTxStyle b="off" i="off">
        <a:font>
          <a:latin typeface="Helvetica Neue"/>
          <a:ea typeface="Helvetica Neue"/>
          <a:cs typeface="Helvetica Neue"/>
        </a:font>
        <a:srgbClr val="000000"/>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B5B5C1"/>
          </a:solidFill>
        </a:fill>
      </a:tcStyle>
    </a:wholeTbl>
    <a:band2H>
      <a:tcTxStyle/>
      <a:tcStyle>
        <a:tcBdr/>
        <a:fill>
          <a:solidFill>
            <a:srgbClr val="9A9AA5"/>
          </a:solidFill>
        </a:fill>
      </a:tcStyle>
    </a:band2H>
    <a:firstCol>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53585F"/>
          </a:solidFill>
        </a:fill>
      </a:tcStyle>
    </a:firstCol>
    <a:la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lastRow>
    <a:fir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firstRow>
  </a:tblStyle>
  <a:tblStyle styleId="{2708684C-4D16-4618-839F-0558EEFCDFE6}" styleName="">
    <a:tblBg/>
    <a:wholeTbl>
      <a:tcTxStyle b="off"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wholeTbl>
    <a:band2H>
      <a:tcTxStyle/>
      <a:tcStyle>
        <a:tcBdr/>
        <a:fill>
          <a:solidFill>
            <a:srgbClr val="EDEEEE"/>
          </a:solidFill>
        </a:fill>
      </a:tcStyle>
    </a:band2H>
    <a:firstCol>
      <a:tcTxStyle b="on" i="off">
        <a:font>
          <a:latin typeface="Helvetica Neue"/>
          <a:ea typeface="Helvetica Neue"/>
          <a:cs typeface="Helvetica Neue"/>
        </a:font>
        <a:srgbClr val="000000"/>
      </a:tcTxStyle>
      <a:tcStyle>
        <a:tcBdr>
          <a:left>
            <a:ln w="12700" cap="flat">
              <a:noFill/>
              <a:miter lim="400000"/>
            </a:ln>
          </a:left>
          <a:right>
            <a:ln w="12700" cap="flat">
              <a:solidFill>
                <a:srgbClr val="000000"/>
              </a:solidFill>
              <a:prstDash val="solid"/>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Col>
    <a:la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prstDash val="solid"/>
              <a:miter lim="400000"/>
            </a:ln>
          </a:top>
          <a:bottom>
            <a:ln w="12700" cap="flat">
              <a:noFill/>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lastRow>
    <a:fir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noFill/>
              <a:miter lim="400000"/>
            </a:ln>
          </a:top>
          <a:bottom>
            <a:ln w="12700" cap="flat">
              <a:solidFill>
                <a:srgbClr val="000000"/>
              </a:solidFill>
              <a:prstDash val="solid"/>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620"/>
    <p:restoredTop sz="93792" autoAdjust="0"/>
  </p:normalViewPr>
  <p:slideViewPr>
    <p:cSldViewPr snapToGrid="0">
      <p:cViewPr varScale="1">
        <p:scale>
          <a:sx n="58" d="100"/>
          <a:sy n="58" d="100"/>
        </p:scale>
        <p:origin x="534" y="72"/>
      </p:cViewPr>
      <p:guideLst/>
    </p:cSldViewPr>
  </p:slideViewPr>
  <p:notesTextViewPr>
    <p:cViewPr>
      <p:scale>
        <a:sx n="1" d="1"/>
        <a:sy n="1" d="1"/>
      </p:scale>
      <p:origin x="0" y="0"/>
    </p:cViewPr>
  </p:notesTextViewPr>
  <p:notesViewPr>
    <p:cSldViewPr snapToGrid="0">
      <p:cViewPr varScale="1">
        <p:scale>
          <a:sx n="80" d="100"/>
          <a:sy n="80" d="100"/>
        </p:scale>
        <p:origin x="4014" y="96"/>
      </p:cViewPr>
      <p:guideLst>
        <p:guide orient="horz" pos="3129"/>
        <p:guide pos="2142"/>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microsoft.com/office/2015/10/relationships/revisionInfo" Target="revisionInfo.xml"/><Relationship Id="rId3" Type="http://schemas.openxmlformats.org/officeDocument/2006/relationships/slideMaster" Target="slideMasters/slideMaster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Gallace" userId="6890fe1d-fae7-4c95-8977-faa318922140" providerId="ADAL" clId="{38FA724D-713D-40FA-BE1E-9E7EF861F03A}"/>
    <pc:docChg chg="undo custSel addSld delSld modSld">
      <pc:chgData name="Michelle Gallace" userId="6890fe1d-fae7-4c95-8977-faa318922140" providerId="ADAL" clId="{38FA724D-713D-40FA-BE1E-9E7EF861F03A}" dt="2023-09-04T03:42:00.141" v="15" actId="47"/>
      <pc:docMkLst>
        <pc:docMk/>
      </pc:docMkLst>
      <pc:sldChg chg="modSp mod modTransition">
        <pc:chgData name="Michelle Gallace" userId="6890fe1d-fae7-4c95-8977-faa318922140" providerId="ADAL" clId="{38FA724D-713D-40FA-BE1E-9E7EF861F03A}" dt="2023-08-30T05:48:23.851" v="3"/>
        <pc:sldMkLst>
          <pc:docMk/>
          <pc:sldMk cId="1579110752" sldId="256"/>
        </pc:sldMkLst>
        <pc:spChg chg="mod">
          <ac:chgData name="Michelle Gallace" userId="6890fe1d-fae7-4c95-8977-faa318922140" providerId="ADAL" clId="{38FA724D-713D-40FA-BE1E-9E7EF861F03A}" dt="2023-08-30T05:38:23.049" v="0" actId="1076"/>
          <ac:spMkLst>
            <pc:docMk/>
            <pc:sldMk cId="1579110752" sldId="256"/>
            <ac:spMk id="123" creationId="{00000000-0000-0000-0000-000000000000}"/>
          </ac:spMkLst>
        </pc:spChg>
      </pc:sldChg>
      <pc:sldChg chg="modTransition">
        <pc:chgData name="Michelle Gallace" userId="6890fe1d-fae7-4c95-8977-faa318922140" providerId="ADAL" clId="{38FA724D-713D-40FA-BE1E-9E7EF861F03A}" dt="2023-08-30T05:47:33.930" v="2"/>
        <pc:sldMkLst>
          <pc:docMk/>
          <pc:sldMk cId="0" sldId="257"/>
        </pc:sldMkLst>
      </pc:sldChg>
      <pc:sldChg chg="modTransition">
        <pc:chgData name="Michelle Gallace" userId="6890fe1d-fae7-4c95-8977-faa318922140" providerId="ADAL" clId="{38FA724D-713D-40FA-BE1E-9E7EF861F03A}" dt="2023-08-30T05:48:41.400" v="10"/>
        <pc:sldMkLst>
          <pc:docMk/>
          <pc:sldMk cId="2674787537" sldId="1899"/>
        </pc:sldMkLst>
      </pc:sldChg>
      <pc:sldChg chg="modTransition">
        <pc:chgData name="Michelle Gallace" userId="6890fe1d-fae7-4c95-8977-faa318922140" providerId="ADAL" clId="{38FA724D-713D-40FA-BE1E-9E7EF861F03A}" dt="2023-08-30T05:48:43.201" v="11"/>
        <pc:sldMkLst>
          <pc:docMk/>
          <pc:sldMk cId="1518297355" sldId="4192"/>
        </pc:sldMkLst>
      </pc:sldChg>
      <pc:sldChg chg="modTransition">
        <pc:chgData name="Michelle Gallace" userId="6890fe1d-fae7-4c95-8977-faa318922140" providerId="ADAL" clId="{38FA724D-713D-40FA-BE1E-9E7EF861F03A}" dt="2023-08-30T05:48:26.146" v="4"/>
        <pc:sldMkLst>
          <pc:docMk/>
          <pc:sldMk cId="1633230077" sldId="4194"/>
        </pc:sldMkLst>
      </pc:sldChg>
      <pc:sldChg chg="modTransition">
        <pc:chgData name="Michelle Gallace" userId="6890fe1d-fae7-4c95-8977-faa318922140" providerId="ADAL" clId="{38FA724D-713D-40FA-BE1E-9E7EF861F03A}" dt="2023-08-30T05:48:33.923" v="7"/>
        <pc:sldMkLst>
          <pc:docMk/>
          <pc:sldMk cId="2743094635" sldId="4210"/>
        </pc:sldMkLst>
      </pc:sldChg>
      <pc:sldChg chg="add del modTransition">
        <pc:chgData name="Michelle Gallace" userId="6890fe1d-fae7-4c95-8977-faa318922140" providerId="ADAL" clId="{38FA724D-713D-40FA-BE1E-9E7EF861F03A}" dt="2023-09-04T03:42:00.141" v="15" actId="47"/>
        <pc:sldMkLst>
          <pc:docMk/>
          <pc:sldMk cId="2114223670" sldId="4211"/>
        </pc:sldMkLst>
      </pc:sldChg>
      <pc:sldChg chg="add del modTransition">
        <pc:chgData name="Michelle Gallace" userId="6890fe1d-fae7-4c95-8977-faa318922140" providerId="ADAL" clId="{38FA724D-713D-40FA-BE1E-9E7EF861F03A}" dt="2023-09-04T03:41:59.241" v="14" actId="47"/>
        <pc:sldMkLst>
          <pc:docMk/>
          <pc:sldMk cId="2800849677" sldId="4213"/>
        </pc:sldMkLst>
      </pc:sldChg>
      <pc:sldChg chg="modTransition">
        <pc:chgData name="Michelle Gallace" userId="6890fe1d-fae7-4c95-8977-faa318922140" providerId="ADAL" clId="{38FA724D-713D-40FA-BE1E-9E7EF861F03A}" dt="2023-08-30T05:48:31.083" v="6"/>
        <pc:sldMkLst>
          <pc:docMk/>
          <pc:sldMk cId="265994524" sldId="4214"/>
        </pc:sldMkLst>
      </pc:sldChg>
      <pc:sldChg chg="modTransition">
        <pc:chgData name="Michelle Gallace" userId="6890fe1d-fae7-4c95-8977-faa318922140" providerId="ADAL" clId="{38FA724D-713D-40FA-BE1E-9E7EF861F03A}" dt="2023-08-30T05:48:28.255" v="5"/>
        <pc:sldMkLst>
          <pc:docMk/>
          <pc:sldMk cId="673452195" sldId="4215"/>
        </pc:sldMkLst>
      </pc:sldChg>
    </pc:docChg>
  </pc:docChgLst>
  <pc:docChgLst>
    <pc:chgData name="Trudy Grice" userId="1c10c654-63da-42f8-acad-a17d2d0a075f" providerId="ADAL" clId="{D4243884-4940-4513-B3E2-B4D0BDB8AC5E}"/>
    <pc:docChg chg="delSld modSld">
      <pc:chgData name="Trudy Grice" userId="1c10c654-63da-42f8-acad-a17d2d0a075f" providerId="ADAL" clId="{D4243884-4940-4513-B3E2-B4D0BDB8AC5E}" dt="2023-08-25T00:53:27.115" v="46" actId="255"/>
      <pc:docMkLst>
        <pc:docMk/>
      </pc:docMkLst>
      <pc:sldChg chg="modNotes modNotesTx">
        <pc:chgData name="Trudy Grice" userId="1c10c654-63da-42f8-acad-a17d2d0a075f" providerId="ADAL" clId="{D4243884-4940-4513-B3E2-B4D0BDB8AC5E}" dt="2023-08-25T00:46:11.753" v="8"/>
        <pc:sldMkLst>
          <pc:docMk/>
          <pc:sldMk cId="1579110752" sldId="256"/>
        </pc:sldMkLst>
      </pc:sldChg>
      <pc:sldChg chg="modNotes">
        <pc:chgData name="Trudy Grice" userId="1c10c654-63da-42f8-acad-a17d2d0a075f" providerId="ADAL" clId="{D4243884-4940-4513-B3E2-B4D0BDB8AC5E}" dt="2023-08-25T00:53:27.115" v="46" actId="255"/>
        <pc:sldMkLst>
          <pc:docMk/>
          <pc:sldMk cId="0" sldId="257"/>
        </pc:sldMkLst>
      </pc:sldChg>
      <pc:sldChg chg="modNotes">
        <pc:chgData name="Trudy Grice" userId="1c10c654-63da-42f8-acad-a17d2d0a075f" providerId="ADAL" clId="{D4243884-4940-4513-B3E2-B4D0BDB8AC5E}" dt="2023-08-25T00:52:21.890" v="44"/>
        <pc:sldMkLst>
          <pc:docMk/>
          <pc:sldMk cId="2674787537" sldId="1899"/>
        </pc:sldMkLst>
      </pc:sldChg>
      <pc:sldChg chg="modNotes">
        <pc:chgData name="Trudy Grice" userId="1c10c654-63da-42f8-acad-a17d2d0a075f" providerId="ADAL" clId="{D4243884-4940-4513-B3E2-B4D0BDB8AC5E}" dt="2023-08-25T00:47:51.688" v="10" actId="6549"/>
        <pc:sldMkLst>
          <pc:docMk/>
          <pc:sldMk cId="1633230077" sldId="4194"/>
        </pc:sldMkLst>
      </pc:sldChg>
      <pc:sldChg chg="modNotes">
        <pc:chgData name="Trudy Grice" userId="1c10c654-63da-42f8-acad-a17d2d0a075f" providerId="ADAL" clId="{D4243884-4940-4513-B3E2-B4D0BDB8AC5E}" dt="2023-08-25T00:51:51.945" v="43"/>
        <pc:sldMkLst>
          <pc:docMk/>
          <pc:sldMk cId="2114223670" sldId="4211"/>
        </pc:sldMkLst>
      </pc:sldChg>
      <pc:sldChg chg="modNotes">
        <pc:chgData name="Trudy Grice" userId="1c10c654-63da-42f8-acad-a17d2d0a075f" providerId="ADAL" clId="{D4243884-4940-4513-B3E2-B4D0BDB8AC5E}" dt="2023-08-25T00:50:52.662" v="39" actId="20577"/>
        <pc:sldMkLst>
          <pc:docMk/>
          <pc:sldMk cId="673452195" sldId="4215"/>
        </pc:sldMkLst>
      </pc:sldChg>
      <pc:sldChg chg="del">
        <pc:chgData name="Trudy Grice" userId="1c10c654-63da-42f8-acad-a17d2d0a075f" providerId="ADAL" clId="{D4243884-4940-4513-B3E2-B4D0BDB8AC5E}" dt="2023-08-24T04:50:54.916" v="1" actId="2696"/>
        <pc:sldMkLst>
          <pc:docMk/>
          <pc:sldMk cId="2711707496" sldId="4216"/>
        </pc:sldMkLst>
      </pc:sldChg>
    </pc:docChg>
  </pc:docChgLst>
  <pc:docChgLst>
    <pc:chgData name="Michelle Gallace" userId="6890fe1d-fae7-4c95-8977-faa318922140" providerId="ADAL" clId="{B045083B-15C0-4F0B-AA82-FBD27338DEAD}"/>
    <pc:docChg chg="undo redo custSel addSld delSld modSld sldOrd modMainMaster modNotesMaster modHandout">
      <pc:chgData name="Michelle Gallace" userId="6890fe1d-fae7-4c95-8977-faa318922140" providerId="ADAL" clId="{B045083B-15C0-4F0B-AA82-FBD27338DEAD}" dt="2023-09-25T02:12:03.850" v="9018"/>
      <pc:docMkLst>
        <pc:docMk/>
      </pc:docMkLst>
      <pc:sldChg chg="del">
        <pc:chgData name="Michelle Gallace" userId="6890fe1d-fae7-4c95-8977-faa318922140" providerId="ADAL" clId="{B045083B-15C0-4F0B-AA82-FBD27338DEAD}" dt="2023-09-21T07:01:26.180" v="57" actId="2696"/>
        <pc:sldMkLst>
          <pc:docMk/>
          <pc:sldMk cId="1579110752" sldId="256"/>
        </pc:sldMkLst>
      </pc:sldChg>
      <pc:sldChg chg="modSp mod modTransition modNotes modNotesTx">
        <pc:chgData name="Michelle Gallace" userId="6890fe1d-fae7-4c95-8977-faa318922140" providerId="ADAL" clId="{B045083B-15C0-4F0B-AA82-FBD27338DEAD}" dt="2023-09-25T02:12:03.850" v="9018"/>
        <pc:sldMkLst>
          <pc:docMk/>
          <pc:sldMk cId="0" sldId="257"/>
        </pc:sldMkLst>
        <pc:spChg chg="mod">
          <ac:chgData name="Michelle Gallace" userId="6890fe1d-fae7-4c95-8977-faa318922140" providerId="ADAL" clId="{B045083B-15C0-4F0B-AA82-FBD27338DEAD}" dt="2023-09-21T06:52:33.199" v="16" actId="20577"/>
          <ac:spMkLst>
            <pc:docMk/>
            <pc:sldMk cId="0" sldId="257"/>
            <ac:spMk id="3" creationId="{0D5035CB-5CB6-4E0E-5290-716C49015623}"/>
          </ac:spMkLst>
        </pc:spChg>
        <pc:spChg chg="mod">
          <ac:chgData name="Michelle Gallace" userId="6890fe1d-fae7-4c95-8977-faa318922140" providerId="ADAL" clId="{B045083B-15C0-4F0B-AA82-FBD27338DEAD}" dt="2023-09-24T05:06:07.720" v="6868" actId="1076"/>
          <ac:spMkLst>
            <pc:docMk/>
            <pc:sldMk cId="0" sldId="257"/>
            <ac:spMk id="127" creationId="{00000000-0000-0000-0000-000000000000}"/>
          </ac:spMkLst>
        </pc:spChg>
        <pc:picChg chg="mod">
          <ac:chgData name="Michelle Gallace" userId="6890fe1d-fae7-4c95-8977-faa318922140" providerId="ADAL" clId="{B045083B-15C0-4F0B-AA82-FBD27338DEAD}" dt="2023-09-24T10:01:27.953" v="8494" actId="1036"/>
          <ac:picMkLst>
            <pc:docMk/>
            <pc:sldMk cId="0" sldId="257"/>
            <ac:picMk id="126" creationId="{00000000-0000-0000-0000-000000000000}"/>
          </ac:picMkLst>
        </pc:picChg>
      </pc:sldChg>
      <pc:sldChg chg="del">
        <pc:chgData name="Michelle Gallace" userId="6890fe1d-fae7-4c95-8977-faa318922140" providerId="ADAL" clId="{B045083B-15C0-4F0B-AA82-FBD27338DEAD}" dt="2023-09-22T03:30:02.936" v="5607" actId="2696"/>
        <pc:sldMkLst>
          <pc:docMk/>
          <pc:sldMk cId="2674787537" sldId="1899"/>
        </pc:sldMkLst>
      </pc:sldChg>
      <pc:sldChg chg="addSp delSp modSp mod modTransition modNotes modNotesTx">
        <pc:chgData name="Michelle Gallace" userId="6890fe1d-fae7-4c95-8977-faa318922140" providerId="ADAL" clId="{B045083B-15C0-4F0B-AA82-FBD27338DEAD}" dt="2023-09-25T02:12:03.850" v="9018"/>
        <pc:sldMkLst>
          <pc:docMk/>
          <pc:sldMk cId="1518297355" sldId="4192"/>
        </pc:sldMkLst>
        <pc:spChg chg="mod">
          <ac:chgData name="Michelle Gallace" userId="6890fe1d-fae7-4c95-8977-faa318922140" providerId="ADAL" clId="{B045083B-15C0-4F0B-AA82-FBD27338DEAD}" dt="2023-09-24T05:04:54.028" v="6865" actId="122"/>
          <ac:spMkLst>
            <pc:docMk/>
            <pc:sldMk cId="1518297355" sldId="4192"/>
            <ac:spMk id="4" creationId="{A63AF814-7EB3-A553-EC5F-BFFC79442691}"/>
          </ac:spMkLst>
        </pc:spChg>
        <pc:picChg chg="add mod modCrop">
          <ac:chgData name="Michelle Gallace" userId="6890fe1d-fae7-4c95-8977-faa318922140" providerId="ADAL" clId="{B045083B-15C0-4F0B-AA82-FBD27338DEAD}" dt="2023-09-24T05:05:01.672" v="6866" actId="1076"/>
          <ac:picMkLst>
            <pc:docMk/>
            <pc:sldMk cId="1518297355" sldId="4192"/>
            <ac:picMk id="6" creationId="{052F02C7-F493-0D80-2305-62BE19B3C401}"/>
          </ac:picMkLst>
        </pc:picChg>
        <pc:picChg chg="del mod">
          <ac:chgData name="Michelle Gallace" userId="6890fe1d-fae7-4c95-8977-faa318922140" providerId="ADAL" clId="{B045083B-15C0-4F0B-AA82-FBD27338DEAD}" dt="2023-09-22T12:10:55.489" v="5724" actId="478"/>
          <ac:picMkLst>
            <pc:docMk/>
            <pc:sldMk cId="1518297355" sldId="4192"/>
            <ac:picMk id="14" creationId="{2DEC19FA-D0DD-4408-1C05-6D8855ADE604}"/>
          </ac:picMkLst>
        </pc:picChg>
      </pc:sldChg>
      <pc:sldChg chg="addSp delSp modSp mod ord modTransition modNotes modNotesTx">
        <pc:chgData name="Michelle Gallace" userId="6890fe1d-fae7-4c95-8977-faa318922140" providerId="ADAL" clId="{B045083B-15C0-4F0B-AA82-FBD27338DEAD}" dt="2023-09-25T02:12:03.850" v="9018"/>
        <pc:sldMkLst>
          <pc:docMk/>
          <pc:sldMk cId="1633230077" sldId="4194"/>
        </pc:sldMkLst>
        <pc:picChg chg="add mod">
          <ac:chgData name="Michelle Gallace" userId="6890fe1d-fae7-4c95-8977-faa318922140" providerId="ADAL" clId="{B045083B-15C0-4F0B-AA82-FBD27338DEAD}" dt="2023-09-24T04:35:27.767" v="6843" actId="1076"/>
          <ac:picMkLst>
            <pc:docMk/>
            <pc:sldMk cId="1633230077" sldId="4194"/>
            <ac:picMk id="3" creationId="{549A99ED-216A-FBB0-2154-D11BC75454B0}"/>
          </ac:picMkLst>
        </pc:picChg>
        <pc:picChg chg="del">
          <ac:chgData name="Michelle Gallace" userId="6890fe1d-fae7-4c95-8977-faa318922140" providerId="ADAL" clId="{B045083B-15C0-4F0B-AA82-FBD27338DEAD}" dt="2023-09-24T04:35:02.223" v="6837" actId="478"/>
          <ac:picMkLst>
            <pc:docMk/>
            <pc:sldMk cId="1633230077" sldId="4194"/>
            <ac:picMk id="4" creationId="{F3B18C86-7565-46F6-6811-64E37B671E85}"/>
          </ac:picMkLst>
        </pc:picChg>
      </pc:sldChg>
      <pc:sldChg chg="modSp mod modTransition modNotes modNotesTx">
        <pc:chgData name="Michelle Gallace" userId="6890fe1d-fae7-4c95-8977-faa318922140" providerId="ADAL" clId="{B045083B-15C0-4F0B-AA82-FBD27338DEAD}" dt="2023-09-25T02:12:03.850" v="9018"/>
        <pc:sldMkLst>
          <pc:docMk/>
          <pc:sldMk cId="2743094635" sldId="4210"/>
        </pc:sldMkLst>
        <pc:spChg chg="mod">
          <ac:chgData name="Michelle Gallace" userId="6890fe1d-fae7-4c95-8977-faa318922140" providerId="ADAL" clId="{B045083B-15C0-4F0B-AA82-FBD27338DEAD}" dt="2023-09-24T05:04:20.462" v="6860" actId="20577"/>
          <ac:spMkLst>
            <pc:docMk/>
            <pc:sldMk cId="2743094635" sldId="4210"/>
            <ac:spMk id="3" creationId="{9AA1302B-F849-1B61-1FE1-C9F2AEC4EFA2}"/>
          </ac:spMkLst>
        </pc:spChg>
        <pc:spChg chg="mod">
          <ac:chgData name="Michelle Gallace" userId="6890fe1d-fae7-4c95-8977-faa318922140" providerId="ADAL" clId="{B045083B-15C0-4F0B-AA82-FBD27338DEAD}" dt="2023-09-21T07:11:38.837" v="200" actId="20577"/>
          <ac:spMkLst>
            <pc:docMk/>
            <pc:sldMk cId="2743094635" sldId="4210"/>
            <ac:spMk id="283" creationId="{00000000-0000-0000-0000-000000000000}"/>
          </ac:spMkLst>
        </pc:spChg>
      </pc:sldChg>
      <pc:sldChg chg="modSp del mod">
        <pc:chgData name="Michelle Gallace" userId="6890fe1d-fae7-4c95-8977-faa318922140" providerId="ADAL" clId="{B045083B-15C0-4F0B-AA82-FBD27338DEAD}" dt="2023-09-22T09:56:08.658" v="5681" actId="2696"/>
        <pc:sldMkLst>
          <pc:docMk/>
          <pc:sldMk cId="2114223670" sldId="4211"/>
        </pc:sldMkLst>
        <pc:spChg chg="mod">
          <ac:chgData name="Michelle Gallace" userId="6890fe1d-fae7-4c95-8977-faa318922140" providerId="ADAL" clId="{B045083B-15C0-4F0B-AA82-FBD27338DEAD}" dt="2023-09-22T09:55:42.374" v="5675" actId="20577"/>
          <ac:spMkLst>
            <pc:docMk/>
            <pc:sldMk cId="2114223670" sldId="4211"/>
            <ac:spMk id="3" creationId="{9AA1302B-F849-1B61-1FE1-C9F2AEC4EFA2}"/>
          </ac:spMkLst>
        </pc:spChg>
        <pc:spChg chg="mod">
          <ac:chgData name="Michelle Gallace" userId="6890fe1d-fae7-4c95-8977-faa318922140" providerId="ADAL" clId="{B045083B-15C0-4F0B-AA82-FBD27338DEAD}" dt="2023-09-21T07:18:32.004" v="338" actId="20577"/>
          <ac:spMkLst>
            <pc:docMk/>
            <pc:sldMk cId="2114223670" sldId="4211"/>
            <ac:spMk id="4" creationId="{99EB0E17-BB44-B056-0265-BB93B2FE65C1}"/>
          </ac:spMkLst>
        </pc:spChg>
        <pc:spChg chg="mod">
          <ac:chgData name="Michelle Gallace" userId="6890fe1d-fae7-4c95-8977-faa318922140" providerId="ADAL" clId="{B045083B-15C0-4F0B-AA82-FBD27338DEAD}" dt="2023-09-21T07:14:29.677" v="268" actId="1076"/>
          <ac:spMkLst>
            <pc:docMk/>
            <pc:sldMk cId="2114223670" sldId="4211"/>
            <ac:spMk id="282" creationId="{00000000-0000-0000-0000-000000000000}"/>
          </ac:spMkLst>
        </pc:spChg>
      </pc:sldChg>
      <pc:sldChg chg="del">
        <pc:chgData name="Michelle Gallace" userId="6890fe1d-fae7-4c95-8977-faa318922140" providerId="ADAL" clId="{B045083B-15C0-4F0B-AA82-FBD27338DEAD}" dt="2023-09-21T07:13:10.566" v="231" actId="2696"/>
        <pc:sldMkLst>
          <pc:docMk/>
          <pc:sldMk cId="2800849677" sldId="4213"/>
        </pc:sldMkLst>
      </pc:sldChg>
      <pc:sldChg chg="addSp delSp modSp del mod ord">
        <pc:chgData name="Michelle Gallace" userId="6890fe1d-fae7-4c95-8977-faa318922140" providerId="ADAL" clId="{B045083B-15C0-4F0B-AA82-FBD27338DEAD}" dt="2023-09-22T01:47:40.573" v="2237" actId="2696"/>
        <pc:sldMkLst>
          <pc:docMk/>
          <pc:sldMk cId="265994524" sldId="4214"/>
        </pc:sldMkLst>
        <pc:spChg chg="add mod">
          <ac:chgData name="Michelle Gallace" userId="6890fe1d-fae7-4c95-8977-faa318922140" providerId="ADAL" clId="{B045083B-15C0-4F0B-AA82-FBD27338DEAD}" dt="2023-09-22T01:03:07.850" v="784" actId="164"/>
          <ac:spMkLst>
            <pc:docMk/>
            <pc:sldMk cId="265994524" sldId="4214"/>
            <ac:spMk id="2" creationId="{2A7C88F7-3508-E917-F330-BB1C3F58C1E0}"/>
          </ac:spMkLst>
        </pc:spChg>
        <pc:spChg chg="mod">
          <ac:chgData name="Michelle Gallace" userId="6890fe1d-fae7-4c95-8977-faa318922140" providerId="ADAL" clId="{B045083B-15C0-4F0B-AA82-FBD27338DEAD}" dt="2023-09-22T00:56:08.095" v="635" actId="1076"/>
          <ac:spMkLst>
            <pc:docMk/>
            <pc:sldMk cId="265994524" sldId="4214"/>
            <ac:spMk id="4" creationId="{DBE67BBA-95CF-6F17-5B8A-09DB5A27801E}"/>
          </ac:spMkLst>
        </pc:spChg>
        <pc:spChg chg="add mod">
          <ac:chgData name="Michelle Gallace" userId="6890fe1d-fae7-4c95-8977-faa318922140" providerId="ADAL" clId="{B045083B-15C0-4F0B-AA82-FBD27338DEAD}" dt="2023-09-22T01:06:54.010" v="809" actId="113"/>
          <ac:spMkLst>
            <pc:docMk/>
            <pc:sldMk cId="265994524" sldId="4214"/>
            <ac:spMk id="5" creationId="{D012E43A-2D10-6C36-BF21-6DC53339D57A}"/>
          </ac:spMkLst>
        </pc:spChg>
        <pc:spChg chg="add del mod">
          <ac:chgData name="Michelle Gallace" userId="6890fe1d-fae7-4c95-8977-faa318922140" providerId="ADAL" clId="{B045083B-15C0-4F0B-AA82-FBD27338DEAD}" dt="2023-09-22T00:57:52.162" v="643" actId="478"/>
          <ac:spMkLst>
            <pc:docMk/>
            <pc:sldMk cId="265994524" sldId="4214"/>
            <ac:spMk id="8" creationId="{730D08BF-6348-7567-BD48-33E2504FA4E7}"/>
          </ac:spMkLst>
        </pc:spChg>
        <pc:spChg chg="mod">
          <ac:chgData name="Michelle Gallace" userId="6890fe1d-fae7-4c95-8977-faa318922140" providerId="ADAL" clId="{B045083B-15C0-4F0B-AA82-FBD27338DEAD}" dt="2023-09-22T01:04:45.967" v="796" actId="1076"/>
          <ac:spMkLst>
            <pc:docMk/>
            <pc:sldMk cId="265994524" sldId="4214"/>
            <ac:spMk id="12" creationId="{DAC2FB48-0C68-52F8-4ABE-FCA76FC91E02}"/>
          </ac:spMkLst>
        </pc:spChg>
        <pc:spChg chg="del mod">
          <ac:chgData name="Michelle Gallace" userId="6890fe1d-fae7-4c95-8977-faa318922140" providerId="ADAL" clId="{B045083B-15C0-4F0B-AA82-FBD27338DEAD}" dt="2023-09-21T07:07:57.475" v="103" actId="478"/>
          <ac:spMkLst>
            <pc:docMk/>
            <pc:sldMk cId="265994524" sldId="4214"/>
            <ac:spMk id="16" creationId="{79BD88DD-456C-57B1-2AC8-D1D2BA9765E6}"/>
          </ac:spMkLst>
        </pc:spChg>
        <pc:spChg chg="del">
          <ac:chgData name="Michelle Gallace" userId="6890fe1d-fae7-4c95-8977-faa318922140" providerId="ADAL" clId="{B045083B-15C0-4F0B-AA82-FBD27338DEAD}" dt="2023-09-21T07:07:53.658" v="101" actId="478"/>
          <ac:spMkLst>
            <pc:docMk/>
            <pc:sldMk cId="265994524" sldId="4214"/>
            <ac:spMk id="20" creationId="{C4143443-F136-C3CD-DBCE-4D365F08621E}"/>
          </ac:spMkLst>
        </pc:spChg>
        <pc:spChg chg="del mod">
          <ac:chgData name="Michelle Gallace" userId="6890fe1d-fae7-4c95-8977-faa318922140" providerId="ADAL" clId="{B045083B-15C0-4F0B-AA82-FBD27338DEAD}" dt="2023-09-21T07:08:02.453" v="106" actId="478"/>
          <ac:spMkLst>
            <pc:docMk/>
            <pc:sldMk cId="265994524" sldId="4214"/>
            <ac:spMk id="21" creationId="{8574ADCB-586D-D752-924D-A730613736C7}"/>
          </ac:spMkLst>
        </pc:spChg>
        <pc:spChg chg="add mod">
          <ac:chgData name="Michelle Gallace" userId="6890fe1d-fae7-4c95-8977-faa318922140" providerId="ADAL" clId="{B045083B-15C0-4F0B-AA82-FBD27338DEAD}" dt="2023-09-22T01:14:55.591" v="1102" actId="113"/>
          <ac:spMkLst>
            <pc:docMk/>
            <pc:sldMk cId="265994524" sldId="4214"/>
            <ac:spMk id="24" creationId="{09519725-05FD-7C84-BD72-20CB779D4ABA}"/>
          </ac:spMkLst>
        </pc:spChg>
        <pc:spChg chg="del">
          <ac:chgData name="Michelle Gallace" userId="6890fe1d-fae7-4c95-8977-faa318922140" providerId="ADAL" clId="{B045083B-15C0-4F0B-AA82-FBD27338DEAD}" dt="2023-09-21T07:08:04.059" v="107" actId="478"/>
          <ac:spMkLst>
            <pc:docMk/>
            <pc:sldMk cId="265994524" sldId="4214"/>
            <ac:spMk id="25" creationId="{7664D769-E694-481B-E217-AA3267FA1924}"/>
          </ac:spMkLst>
        </pc:spChg>
        <pc:spChg chg="mod topLvl">
          <ac:chgData name="Michelle Gallace" userId="6890fe1d-fae7-4c95-8977-faa318922140" providerId="ADAL" clId="{B045083B-15C0-4F0B-AA82-FBD27338DEAD}" dt="2023-09-22T01:16:30.867" v="1137" actId="1076"/>
          <ac:spMkLst>
            <pc:docMk/>
            <pc:sldMk cId="265994524" sldId="4214"/>
            <ac:spMk id="29" creationId="{201CD281-2401-AD14-D7D9-D83F09A9AE48}"/>
          </ac:spMkLst>
        </pc:spChg>
        <pc:spChg chg="mod topLvl">
          <ac:chgData name="Michelle Gallace" userId="6890fe1d-fae7-4c95-8977-faa318922140" providerId="ADAL" clId="{B045083B-15C0-4F0B-AA82-FBD27338DEAD}" dt="2023-09-22T01:03:28.283" v="785" actId="164"/>
          <ac:spMkLst>
            <pc:docMk/>
            <pc:sldMk cId="265994524" sldId="4214"/>
            <ac:spMk id="32" creationId="{04ADF5CF-6A4C-7BF2-3D60-F67AAEFC75C5}"/>
          </ac:spMkLst>
        </pc:spChg>
        <pc:spChg chg="mod">
          <ac:chgData name="Michelle Gallace" userId="6890fe1d-fae7-4c95-8977-faa318922140" providerId="ADAL" clId="{B045083B-15C0-4F0B-AA82-FBD27338DEAD}" dt="2023-09-22T01:03:36.605" v="786" actId="164"/>
          <ac:spMkLst>
            <pc:docMk/>
            <pc:sldMk cId="265994524" sldId="4214"/>
            <ac:spMk id="37" creationId="{8167F4A4-EC0B-65EF-024C-DE9016A2ABE7}"/>
          </ac:spMkLst>
        </pc:spChg>
        <pc:spChg chg="mod">
          <ac:chgData name="Michelle Gallace" userId="6890fe1d-fae7-4c95-8977-faa318922140" providerId="ADAL" clId="{B045083B-15C0-4F0B-AA82-FBD27338DEAD}" dt="2023-09-22T01:03:36.605" v="786" actId="164"/>
          <ac:spMkLst>
            <pc:docMk/>
            <pc:sldMk cId="265994524" sldId="4214"/>
            <ac:spMk id="39" creationId="{DE798D22-9E7D-366C-3F15-C98788527953}"/>
          </ac:spMkLst>
        </pc:spChg>
        <pc:spChg chg="mod">
          <ac:chgData name="Michelle Gallace" userId="6890fe1d-fae7-4c95-8977-faa318922140" providerId="ADAL" clId="{B045083B-15C0-4F0B-AA82-FBD27338DEAD}" dt="2023-09-22T01:04:36.732" v="793" actId="164"/>
          <ac:spMkLst>
            <pc:docMk/>
            <pc:sldMk cId="265994524" sldId="4214"/>
            <ac:spMk id="42" creationId="{E64B8618-B243-6E8C-B1C5-2EA7BD787B41}"/>
          </ac:spMkLst>
        </pc:spChg>
        <pc:spChg chg="mod">
          <ac:chgData name="Michelle Gallace" userId="6890fe1d-fae7-4c95-8977-faa318922140" providerId="ADAL" clId="{B045083B-15C0-4F0B-AA82-FBD27338DEAD}" dt="2023-09-22T01:03:43.638" v="787" actId="164"/>
          <ac:spMkLst>
            <pc:docMk/>
            <pc:sldMk cId="265994524" sldId="4214"/>
            <ac:spMk id="45" creationId="{26074F59-6978-E2F4-5C78-BC7EC963FE36}"/>
          </ac:spMkLst>
        </pc:spChg>
        <pc:spChg chg="mod">
          <ac:chgData name="Michelle Gallace" userId="6890fe1d-fae7-4c95-8977-faa318922140" providerId="ADAL" clId="{B045083B-15C0-4F0B-AA82-FBD27338DEAD}" dt="2023-09-22T01:04:36.732" v="793" actId="164"/>
          <ac:spMkLst>
            <pc:docMk/>
            <pc:sldMk cId="265994524" sldId="4214"/>
            <ac:spMk id="46" creationId="{F0F6C614-D598-612F-E3DD-284053DC961D}"/>
          </ac:spMkLst>
        </pc:spChg>
        <pc:grpChg chg="add del mod">
          <ac:chgData name="Michelle Gallace" userId="6890fe1d-fae7-4c95-8977-faa318922140" providerId="ADAL" clId="{B045083B-15C0-4F0B-AA82-FBD27338DEAD}" dt="2023-09-22T00:58:22.826" v="677" actId="165"/>
          <ac:grpSpMkLst>
            <pc:docMk/>
            <pc:sldMk cId="265994524" sldId="4214"/>
            <ac:grpSpMk id="7" creationId="{3AB13398-157F-34AA-ACD5-C0425DE35485}"/>
          </ac:grpSpMkLst>
        </pc:grpChg>
        <pc:grpChg chg="add mod">
          <ac:chgData name="Michelle Gallace" userId="6890fe1d-fae7-4c95-8977-faa318922140" providerId="ADAL" clId="{B045083B-15C0-4F0B-AA82-FBD27338DEAD}" dt="2023-09-22T01:04:28.530" v="792" actId="1076"/>
          <ac:grpSpMkLst>
            <pc:docMk/>
            <pc:sldMk cId="265994524" sldId="4214"/>
            <ac:grpSpMk id="10" creationId="{DBF75FBC-1A98-5939-4E93-A2BC6DA6AA8C}"/>
          </ac:grpSpMkLst>
        </pc:grpChg>
        <pc:grpChg chg="add mod">
          <ac:chgData name="Michelle Gallace" userId="6890fe1d-fae7-4c95-8977-faa318922140" providerId="ADAL" clId="{B045083B-15C0-4F0B-AA82-FBD27338DEAD}" dt="2023-09-22T01:05:27.720" v="799" actId="1076"/>
          <ac:grpSpMkLst>
            <pc:docMk/>
            <pc:sldMk cId="265994524" sldId="4214"/>
            <ac:grpSpMk id="11" creationId="{D684A7ED-7F1F-F455-11A8-B6720ACABFD5}"/>
          </ac:grpSpMkLst>
        </pc:grpChg>
        <pc:grpChg chg="add mod">
          <ac:chgData name="Michelle Gallace" userId="6890fe1d-fae7-4c95-8977-faa318922140" providerId="ADAL" clId="{B045083B-15C0-4F0B-AA82-FBD27338DEAD}" dt="2023-09-22T01:05:09.434" v="798" actId="1076"/>
          <ac:grpSpMkLst>
            <pc:docMk/>
            <pc:sldMk cId="265994524" sldId="4214"/>
            <ac:grpSpMk id="16" creationId="{0149E055-DD30-1AA1-82DB-B13978DF5EB3}"/>
          </ac:grpSpMkLst>
        </pc:grpChg>
        <pc:grpChg chg="add mod">
          <ac:chgData name="Michelle Gallace" userId="6890fe1d-fae7-4c95-8977-faa318922140" providerId="ADAL" clId="{B045083B-15C0-4F0B-AA82-FBD27338DEAD}" dt="2023-09-22T01:05:37.582" v="808" actId="1038"/>
          <ac:grpSpMkLst>
            <pc:docMk/>
            <pc:sldMk cId="265994524" sldId="4214"/>
            <ac:grpSpMk id="17" creationId="{30E7181D-9F4F-4930-8389-4A8967C1E861}"/>
          </ac:grpSpMkLst>
        </pc:grpChg>
        <pc:grpChg chg="add mod">
          <ac:chgData name="Michelle Gallace" userId="6890fe1d-fae7-4c95-8977-faa318922140" providerId="ADAL" clId="{B045083B-15C0-4F0B-AA82-FBD27338DEAD}" dt="2023-09-22T01:04:10.803" v="791" actId="164"/>
          <ac:grpSpMkLst>
            <pc:docMk/>
            <pc:sldMk cId="265994524" sldId="4214"/>
            <ac:grpSpMk id="20" creationId="{3B27E544-A76B-01E2-0C77-422BFC45ACD7}"/>
          </ac:grpSpMkLst>
        </pc:grpChg>
        <pc:grpChg chg="add mod">
          <ac:chgData name="Michelle Gallace" userId="6890fe1d-fae7-4c95-8977-faa318922140" providerId="ADAL" clId="{B045083B-15C0-4F0B-AA82-FBD27338DEAD}" dt="2023-09-22T01:04:41.157" v="794" actId="1076"/>
          <ac:grpSpMkLst>
            <pc:docMk/>
            <pc:sldMk cId="265994524" sldId="4214"/>
            <ac:grpSpMk id="21" creationId="{2192B279-BF7D-F72C-7213-1151C39614A5}"/>
          </ac:grpSpMkLst>
        </pc:grpChg>
        <pc:cxnChg chg="add mod">
          <ac:chgData name="Michelle Gallace" userId="6890fe1d-fae7-4c95-8977-faa318922140" providerId="ADAL" clId="{B045083B-15C0-4F0B-AA82-FBD27338DEAD}" dt="2023-09-22T01:03:07.850" v="784" actId="164"/>
          <ac:cxnSpMkLst>
            <pc:docMk/>
            <pc:sldMk cId="265994524" sldId="4214"/>
            <ac:cxnSpMk id="6" creationId="{5F3B3E5A-DF1B-6D9A-AB12-A32739BBC935}"/>
          </ac:cxnSpMkLst>
        </pc:cxnChg>
        <pc:cxnChg chg="del">
          <ac:chgData name="Michelle Gallace" userId="6890fe1d-fae7-4c95-8977-faa318922140" providerId="ADAL" clId="{B045083B-15C0-4F0B-AA82-FBD27338DEAD}" dt="2023-09-21T07:07:59.291" v="104" actId="478"/>
          <ac:cxnSpMkLst>
            <pc:docMk/>
            <pc:sldMk cId="265994524" sldId="4214"/>
            <ac:cxnSpMk id="7" creationId="{EE6E6E4B-05F6-2F96-AB9C-6586CBDC6D4A}"/>
          </ac:cxnSpMkLst>
        </pc:cxnChg>
        <pc:cxnChg chg="add del mod">
          <ac:chgData name="Michelle Gallace" userId="6890fe1d-fae7-4c95-8977-faa318922140" providerId="ADAL" clId="{B045083B-15C0-4F0B-AA82-FBD27338DEAD}" dt="2023-09-22T00:57:54.174" v="644" actId="478"/>
          <ac:cxnSpMkLst>
            <pc:docMk/>
            <pc:sldMk cId="265994524" sldId="4214"/>
            <ac:cxnSpMk id="9" creationId="{00375AF3-D9EF-FF24-0108-20511FCAC91D}"/>
          </ac:cxnSpMkLst>
        </pc:cxnChg>
        <pc:cxnChg chg="del">
          <ac:chgData name="Michelle Gallace" userId="6890fe1d-fae7-4c95-8977-faa318922140" providerId="ADAL" clId="{B045083B-15C0-4F0B-AA82-FBD27338DEAD}" dt="2023-09-21T07:07:59.291" v="104" actId="478"/>
          <ac:cxnSpMkLst>
            <pc:docMk/>
            <pc:sldMk cId="265994524" sldId="4214"/>
            <ac:cxnSpMk id="50" creationId="{2F08D873-3CFA-17BA-59A8-1253C27FDBC5}"/>
          </ac:cxnSpMkLst>
        </pc:cxnChg>
        <pc:cxnChg chg="del">
          <ac:chgData name="Michelle Gallace" userId="6890fe1d-fae7-4c95-8977-faa318922140" providerId="ADAL" clId="{B045083B-15C0-4F0B-AA82-FBD27338DEAD}" dt="2023-09-21T07:07:59.291" v="104" actId="478"/>
          <ac:cxnSpMkLst>
            <pc:docMk/>
            <pc:sldMk cId="265994524" sldId="4214"/>
            <ac:cxnSpMk id="61" creationId="{598431DB-740F-3BC7-9246-DEB208BD9DE2}"/>
          </ac:cxnSpMkLst>
        </pc:cxnChg>
        <pc:cxnChg chg="mod topLvl">
          <ac:chgData name="Michelle Gallace" userId="6890fe1d-fae7-4c95-8977-faa318922140" providerId="ADAL" clId="{B045083B-15C0-4F0B-AA82-FBD27338DEAD}" dt="2023-09-22T01:03:28.283" v="785" actId="164"/>
          <ac:cxnSpMkLst>
            <pc:docMk/>
            <pc:sldMk cId="265994524" sldId="4214"/>
            <ac:cxnSpMk id="63" creationId="{49D6B5E3-C2DF-6707-5D7E-323A74E36A9A}"/>
          </ac:cxnSpMkLst>
        </pc:cxnChg>
        <pc:cxnChg chg="mod">
          <ac:chgData name="Michelle Gallace" userId="6890fe1d-fae7-4c95-8977-faa318922140" providerId="ADAL" clId="{B045083B-15C0-4F0B-AA82-FBD27338DEAD}" dt="2023-09-22T01:03:36.605" v="786" actId="164"/>
          <ac:cxnSpMkLst>
            <pc:docMk/>
            <pc:sldMk cId="265994524" sldId="4214"/>
            <ac:cxnSpMk id="64" creationId="{57001375-99A1-955A-26A7-F0B59A689F6C}"/>
          </ac:cxnSpMkLst>
        </pc:cxnChg>
        <pc:cxnChg chg="mod">
          <ac:chgData name="Michelle Gallace" userId="6890fe1d-fae7-4c95-8977-faa318922140" providerId="ADAL" clId="{B045083B-15C0-4F0B-AA82-FBD27338DEAD}" dt="2023-09-22T01:03:43.638" v="787" actId="164"/>
          <ac:cxnSpMkLst>
            <pc:docMk/>
            <pc:sldMk cId="265994524" sldId="4214"/>
            <ac:cxnSpMk id="71" creationId="{599FD30A-9DD4-6A55-A7F2-69D54E27D3C2}"/>
          </ac:cxnSpMkLst>
        </pc:cxnChg>
        <pc:cxnChg chg="mod">
          <ac:chgData name="Michelle Gallace" userId="6890fe1d-fae7-4c95-8977-faa318922140" providerId="ADAL" clId="{B045083B-15C0-4F0B-AA82-FBD27338DEAD}" dt="2023-09-22T01:04:36.732" v="793" actId="164"/>
          <ac:cxnSpMkLst>
            <pc:docMk/>
            <pc:sldMk cId="265994524" sldId="4214"/>
            <ac:cxnSpMk id="72" creationId="{7034A21C-76F3-8C23-696C-4F24EBE2300D}"/>
          </ac:cxnSpMkLst>
        </pc:cxnChg>
      </pc:sldChg>
      <pc:sldChg chg="addSp delSp modSp del mod ord modTransition modNotesTx">
        <pc:chgData name="Michelle Gallace" userId="6890fe1d-fae7-4c95-8977-faa318922140" providerId="ADAL" clId="{B045083B-15C0-4F0B-AA82-FBD27338DEAD}" dt="2023-09-24T08:41:18.553" v="8368" actId="1076"/>
        <pc:sldMkLst>
          <pc:docMk/>
          <pc:sldMk cId="673452195" sldId="4215"/>
        </pc:sldMkLst>
        <pc:spChg chg="mod">
          <ac:chgData name="Michelle Gallace" userId="6890fe1d-fae7-4c95-8977-faa318922140" providerId="ADAL" clId="{B045083B-15C0-4F0B-AA82-FBD27338DEAD}" dt="2023-09-24T00:33:20.299" v="6507" actId="1076"/>
          <ac:spMkLst>
            <pc:docMk/>
            <pc:sldMk cId="673452195" sldId="4215"/>
            <ac:spMk id="2" creationId="{A670467D-E1DA-C711-35B3-1561890DD4B5}"/>
          </ac:spMkLst>
        </pc:spChg>
        <pc:spChg chg="mod">
          <ac:chgData name="Michelle Gallace" userId="6890fe1d-fae7-4c95-8977-faa318922140" providerId="ADAL" clId="{B045083B-15C0-4F0B-AA82-FBD27338DEAD}" dt="2023-09-24T00:33:20.299" v="6507" actId="1076"/>
          <ac:spMkLst>
            <pc:docMk/>
            <pc:sldMk cId="673452195" sldId="4215"/>
            <ac:spMk id="4" creationId="{E863804F-D5A0-77AB-5A4D-82AA7CA6EE45}"/>
          </ac:spMkLst>
        </pc:spChg>
        <pc:spChg chg="mod">
          <ac:chgData name="Michelle Gallace" userId="6890fe1d-fae7-4c95-8977-faa318922140" providerId="ADAL" clId="{B045083B-15C0-4F0B-AA82-FBD27338DEAD}" dt="2023-09-24T08:41:18.553" v="8368" actId="1076"/>
          <ac:spMkLst>
            <pc:docMk/>
            <pc:sldMk cId="673452195" sldId="4215"/>
            <ac:spMk id="5" creationId="{6AE674E0-27B8-6185-4EDF-5356047EFCF2}"/>
          </ac:spMkLst>
        </pc:spChg>
        <pc:spChg chg="mod">
          <ac:chgData name="Michelle Gallace" userId="6890fe1d-fae7-4c95-8977-faa318922140" providerId="ADAL" clId="{B045083B-15C0-4F0B-AA82-FBD27338DEAD}" dt="2023-09-24T04:37:47.188" v="6849" actId="1076"/>
          <ac:spMkLst>
            <pc:docMk/>
            <pc:sldMk cId="673452195" sldId="4215"/>
            <ac:spMk id="7" creationId="{65C265B0-6092-6498-D689-8006C8B6C306}"/>
          </ac:spMkLst>
        </pc:spChg>
        <pc:spChg chg="add del mod">
          <ac:chgData name="Michelle Gallace" userId="6890fe1d-fae7-4c95-8977-faa318922140" providerId="ADAL" clId="{B045083B-15C0-4F0B-AA82-FBD27338DEAD}" dt="2023-09-24T04:10:05.791" v="6642" actId="478"/>
          <ac:spMkLst>
            <pc:docMk/>
            <pc:sldMk cId="673452195" sldId="4215"/>
            <ac:spMk id="13" creationId="{897FDC29-3A1A-2564-6881-4E0636DC2A2D}"/>
          </ac:spMkLst>
        </pc:spChg>
        <pc:spChg chg="mod">
          <ac:chgData name="Michelle Gallace" userId="6890fe1d-fae7-4c95-8977-faa318922140" providerId="ADAL" clId="{B045083B-15C0-4F0B-AA82-FBD27338DEAD}" dt="2023-09-24T00:34:38.273" v="6520" actId="20577"/>
          <ac:spMkLst>
            <pc:docMk/>
            <pc:sldMk cId="673452195" sldId="4215"/>
            <ac:spMk id="15" creationId="{85C8F3D5-4A77-6811-90A8-BADE00FE2AD7}"/>
          </ac:spMkLst>
        </pc:spChg>
        <pc:spChg chg="mod">
          <ac:chgData name="Michelle Gallace" userId="6890fe1d-fae7-4c95-8977-faa318922140" providerId="ADAL" clId="{B045083B-15C0-4F0B-AA82-FBD27338DEAD}" dt="2023-09-24T00:33:20.299" v="6507" actId="1076"/>
          <ac:spMkLst>
            <pc:docMk/>
            <pc:sldMk cId="673452195" sldId="4215"/>
            <ac:spMk id="16" creationId="{64EAD2B5-219B-B931-ABD7-72E465F5465F}"/>
          </ac:spMkLst>
        </pc:spChg>
        <pc:spChg chg="add mod">
          <ac:chgData name="Michelle Gallace" userId="6890fe1d-fae7-4c95-8977-faa318922140" providerId="ADAL" clId="{B045083B-15C0-4F0B-AA82-FBD27338DEAD}" dt="2023-09-24T04:09:55.327" v="6641" actId="1036"/>
          <ac:spMkLst>
            <pc:docMk/>
            <pc:sldMk cId="673452195" sldId="4215"/>
            <ac:spMk id="40" creationId="{726C73DA-29AC-DAE5-4E2D-B42DF5C19B47}"/>
          </ac:spMkLst>
        </pc:spChg>
        <pc:spChg chg="add mod">
          <ac:chgData name="Michelle Gallace" userId="6890fe1d-fae7-4c95-8977-faa318922140" providerId="ADAL" clId="{B045083B-15C0-4F0B-AA82-FBD27338DEAD}" dt="2023-09-24T04:17:13.298" v="6834" actId="14100"/>
          <ac:spMkLst>
            <pc:docMk/>
            <pc:sldMk cId="673452195" sldId="4215"/>
            <ac:spMk id="41" creationId="{30FA30D8-4010-0E30-AA5D-4F496E38ADB2}"/>
          </ac:spMkLst>
        </pc:spChg>
        <pc:spChg chg="mod">
          <ac:chgData name="Michelle Gallace" userId="6890fe1d-fae7-4c95-8977-faa318922140" providerId="ADAL" clId="{B045083B-15C0-4F0B-AA82-FBD27338DEAD}" dt="2023-09-24T00:46:08.269" v="6613" actId="1076"/>
          <ac:spMkLst>
            <pc:docMk/>
            <pc:sldMk cId="673452195" sldId="4215"/>
            <ac:spMk id="42" creationId="{CC292871-222E-B35A-D28C-10A1A4873B92}"/>
          </ac:spMkLst>
        </pc:spChg>
        <pc:spChg chg="add del mod">
          <ac:chgData name="Michelle Gallace" userId="6890fe1d-fae7-4c95-8977-faa318922140" providerId="ADAL" clId="{B045083B-15C0-4F0B-AA82-FBD27338DEAD}" dt="2023-09-24T04:13:34.114" v="6735" actId="478"/>
          <ac:spMkLst>
            <pc:docMk/>
            <pc:sldMk cId="673452195" sldId="4215"/>
            <ac:spMk id="43" creationId="{F77032AB-B2C7-41BF-F103-C5C119BA3135}"/>
          </ac:spMkLst>
        </pc:spChg>
        <pc:spChg chg="add mod">
          <ac:chgData name="Michelle Gallace" userId="6890fe1d-fae7-4c95-8977-faa318922140" providerId="ADAL" clId="{B045083B-15C0-4F0B-AA82-FBD27338DEAD}" dt="2023-09-24T04:12:57.600" v="6730" actId="1076"/>
          <ac:spMkLst>
            <pc:docMk/>
            <pc:sldMk cId="673452195" sldId="4215"/>
            <ac:spMk id="44" creationId="{8B01B22F-BD23-4603-F661-644DC7EFCAE2}"/>
          </ac:spMkLst>
        </pc:spChg>
        <pc:spChg chg="add mod">
          <ac:chgData name="Michelle Gallace" userId="6890fe1d-fae7-4c95-8977-faa318922140" providerId="ADAL" clId="{B045083B-15C0-4F0B-AA82-FBD27338DEAD}" dt="2023-09-24T04:38:10.009" v="6852" actId="1076"/>
          <ac:spMkLst>
            <pc:docMk/>
            <pc:sldMk cId="673452195" sldId="4215"/>
            <ac:spMk id="45" creationId="{CF7A1657-0E1E-49E7-6010-4B2E692543C7}"/>
          </ac:spMkLst>
        </pc:spChg>
        <pc:spChg chg="add del mod">
          <ac:chgData name="Michelle Gallace" userId="6890fe1d-fae7-4c95-8977-faa318922140" providerId="ADAL" clId="{B045083B-15C0-4F0B-AA82-FBD27338DEAD}" dt="2023-09-24T04:15:17.606" v="6788" actId="478"/>
          <ac:spMkLst>
            <pc:docMk/>
            <pc:sldMk cId="673452195" sldId="4215"/>
            <ac:spMk id="46" creationId="{62F2AB5C-097D-1416-533C-A3E2023C0258}"/>
          </ac:spMkLst>
        </pc:spChg>
        <pc:spChg chg="add mod">
          <ac:chgData name="Michelle Gallace" userId="6890fe1d-fae7-4c95-8977-faa318922140" providerId="ADAL" clId="{B045083B-15C0-4F0B-AA82-FBD27338DEAD}" dt="2023-09-24T04:13:40.543" v="6737" actId="1076"/>
          <ac:spMkLst>
            <pc:docMk/>
            <pc:sldMk cId="673452195" sldId="4215"/>
            <ac:spMk id="47" creationId="{AD5A42A2-881B-3A89-D12D-5A6B8A079D82}"/>
          </ac:spMkLst>
        </pc:spChg>
        <pc:spChg chg="add mod">
          <ac:chgData name="Michelle Gallace" userId="6890fe1d-fae7-4c95-8977-faa318922140" providerId="ADAL" clId="{B045083B-15C0-4F0B-AA82-FBD27338DEAD}" dt="2023-09-24T04:15:32.633" v="6791" actId="14100"/>
          <ac:spMkLst>
            <pc:docMk/>
            <pc:sldMk cId="673452195" sldId="4215"/>
            <ac:spMk id="49" creationId="{E3A8AA63-93EC-C177-BE7C-E3015A5E8D61}"/>
          </ac:spMkLst>
        </pc:spChg>
        <pc:spChg chg="mod">
          <ac:chgData name="Michelle Gallace" userId="6890fe1d-fae7-4c95-8977-faa318922140" providerId="ADAL" clId="{B045083B-15C0-4F0B-AA82-FBD27338DEAD}" dt="2023-09-24T04:16:31.952" v="6826" actId="18245"/>
          <ac:spMkLst>
            <pc:docMk/>
            <pc:sldMk cId="673452195" sldId="4215"/>
            <ac:spMk id="53" creationId="{DFBC7AA4-E621-6BFE-688A-240E1DBF47A8}"/>
          </ac:spMkLst>
        </pc:spChg>
        <pc:spChg chg="mod">
          <ac:chgData name="Michelle Gallace" userId="6890fe1d-fae7-4c95-8977-faa318922140" providerId="ADAL" clId="{B045083B-15C0-4F0B-AA82-FBD27338DEAD}" dt="2023-09-24T04:16:31.952" v="6826" actId="18245"/>
          <ac:spMkLst>
            <pc:docMk/>
            <pc:sldMk cId="673452195" sldId="4215"/>
            <ac:spMk id="54" creationId="{19532C86-D92D-5455-2C7C-E79D1AB62646}"/>
          </ac:spMkLst>
        </pc:spChg>
        <pc:spChg chg="mod">
          <ac:chgData name="Michelle Gallace" userId="6890fe1d-fae7-4c95-8977-faa318922140" providerId="ADAL" clId="{B045083B-15C0-4F0B-AA82-FBD27338DEAD}" dt="2023-09-24T04:16:31.952" v="6826" actId="18245"/>
          <ac:spMkLst>
            <pc:docMk/>
            <pc:sldMk cId="673452195" sldId="4215"/>
            <ac:spMk id="55" creationId="{1DB19A9D-0876-8EE4-3879-8EB7BF39AD21}"/>
          </ac:spMkLst>
        </pc:spChg>
        <pc:spChg chg="mod">
          <ac:chgData name="Michelle Gallace" userId="6890fe1d-fae7-4c95-8977-faa318922140" providerId="ADAL" clId="{B045083B-15C0-4F0B-AA82-FBD27338DEAD}" dt="2023-09-24T04:16:31.952" v="6826" actId="18245"/>
          <ac:spMkLst>
            <pc:docMk/>
            <pc:sldMk cId="673452195" sldId="4215"/>
            <ac:spMk id="57" creationId="{B25B2EF4-FD41-4382-2E3E-187AB04ACDF6}"/>
          </ac:spMkLst>
        </pc:spChg>
        <pc:spChg chg="mod">
          <ac:chgData name="Michelle Gallace" userId="6890fe1d-fae7-4c95-8977-faa318922140" providerId="ADAL" clId="{B045083B-15C0-4F0B-AA82-FBD27338DEAD}" dt="2023-09-24T04:16:31.952" v="6826" actId="18245"/>
          <ac:spMkLst>
            <pc:docMk/>
            <pc:sldMk cId="673452195" sldId="4215"/>
            <ac:spMk id="59" creationId="{24741105-9EA1-ED49-8DC5-EC6AD9DC786D}"/>
          </ac:spMkLst>
        </pc:spChg>
        <pc:spChg chg="mod">
          <ac:chgData name="Michelle Gallace" userId="6890fe1d-fae7-4c95-8977-faa318922140" providerId="ADAL" clId="{B045083B-15C0-4F0B-AA82-FBD27338DEAD}" dt="2023-09-24T04:16:31.952" v="6826" actId="18245"/>
          <ac:spMkLst>
            <pc:docMk/>
            <pc:sldMk cId="673452195" sldId="4215"/>
            <ac:spMk id="62" creationId="{C99F4C2D-4195-4DF3-9595-06DBBF2CE071}"/>
          </ac:spMkLst>
        </pc:spChg>
        <pc:spChg chg="mod">
          <ac:chgData name="Michelle Gallace" userId="6890fe1d-fae7-4c95-8977-faa318922140" providerId="ADAL" clId="{B045083B-15C0-4F0B-AA82-FBD27338DEAD}" dt="2023-09-24T04:16:31.952" v="6826" actId="18245"/>
          <ac:spMkLst>
            <pc:docMk/>
            <pc:sldMk cId="673452195" sldId="4215"/>
            <ac:spMk id="63" creationId="{8CAF41A9-E756-BA83-56C3-BB43D3D39F5F}"/>
          </ac:spMkLst>
        </pc:spChg>
        <pc:spChg chg="mod">
          <ac:chgData name="Michelle Gallace" userId="6890fe1d-fae7-4c95-8977-faa318922140" providerId="ADAL" clId="{B045083B-15C0-4F0B-AA82-FBD27338DEAD}" dt="2023-09-24T04:16:31.952" v="6826" actId="18245"/>
          <ac:spMkLst>
            <pc:docMk/>
            <pc:sldMk cId="673452195" sldId="4215"/>
            <ac:spMk id="64" creationId="{7481987E-D271-D9C4-3ED1-4A1E691BF81A}"/>
          </ac:spMkLst>
        </pc:spChg>
        <pc:spChg chg="mod">
          <ac:chgData name="Michelle Gallace" userId="6890fe1d-fae7-4c95-8977-faa318922140" providerId="ADAL" clId="{B045083B-15C0-4F0B-AA82-FBD27338DEAD}" dt="2023-09-24T04:16:31.952" v="6826" actId="18245"/>
          <ac:spMkLst>
            <pc:docMk/>
            <pc:sldMk cId="673452195" sldId="4215"/>
            <ac:spMk id="65" creationId="{B816FBA6-F210-4872-EBAB-015A827FA519}"/>
          </ac:spMkLst>
        </pc:spChg>
        <pc:spChg chg="mod">
          <ac:chgData name="Michelle Gallace" userId="6890fe1d-fae7-4c95-8977-faa318922140" providerId="ADAL" clId="{B045083B-15C0-4F0B-AA82-FBD27338DEAD}" dt="2023-09-24T04:16:31.952" v="6826" actId="18245"/>
          <ac:spMkLst>
            <pc:docMk/>
            <pc:sldMk cId="673452195" sldId="4215"/>
            <ac:spMk id="66" creationId="{26FAE6C0-70B8-395F-B200-6607E4A61A77}"/>
          </ac:spMkLst>
        </pc:spChg>
        <pc:spChg chg="mod">
          <ac:chgData name="Michelle Gallace" userId="6890fe1d-fae7-4c95-8977-faa318922140" providerId="ADAL" clId="{B045083B-15C0-4F0B-AA82-FBD27338DEAD}" dt="2023-09-24T04:16:31.952" v="6826" actId="18245"/>
          <ac:spMkLst>
            <pc:docMk/>
            <pc:sldMk cId="673452195" sldId="4215"/>
            <ac:spMk id="67" creationId="{BD99BE31-F0CC-B77D-03A3-D5569D796EBC}"/>
          </ac:spMkLst>
        </pc:spChg>
        <pc:spChg chg="mod">
          <ac:chgData name="Michelle Gallace" userId="6890fe1d-fae7-4c95-8977-faa318922140" providerId="ADAL" clId="{B045083B-15C0-4F0B-AA82-FBD27338DEAD}" dt="2023-09-24T04:16:31.952" v="6826" actId="18245"/>
          <ac:spMkLst>
            <pc:docMk/>
            <pc:sldMk cId="673452195" sldId="4215"/>
            <ac:spMk id="68" creationId="{C160779A-DD90-A222-0A75-7C3556E33234}"/>
          </ac:spMkLst>
        </pc:spChg>
        <pc:spChg chg="mod">
          <ac:chgData name="Michelle Gallace" userId="6890fe1d-fae7-4c95-8977-faa318922140" providerId="ADAL" clId="{B045083B-15C0-4F0B-AA82-FBD27338DEAD}" dt="2023-09-24T04:17:01.883" v="6831" actId="14100"/>
          <ac:spMkLst>
            <pc:docMk/>
            <pc:sldMk cId="673452195" sldId="4215"/>
            <ac:spMk id="69" creationId="{B13F0366-F9F3-4A11-B1D4-4E10D1387CA4}"/>
          </ac:spMkLst>
        </pc:spChg>
        <pc:spChg chg="mod">
          <ac:chgData name="Michelle Gallace" userId="6890fe1d-fae7-4c95-8977-faa318922140" providerId="ADAL" clId="{B045083B-15C0-4F0B-AA82-FBD27338DEAD}" dt="2023-09-24T04:16:31.952" v="6826" actId="18245"/>
          <ac:spMkLst>
            <pc:docMk/>
            <pc:sldMk cId="673452195" sldId="4215"/>
            <ac:spMk id="70" creationId="{580C1366-80CF-4715-EF15-39D37263B15A}"/>
          </ac:spMkLst>
        </pc:spChg>
        <pc:spChg chg="mod">
          <ac:chgData name="Michelle Gallace" userId="6890fe1d-fae7-4c95-8977-faa318922140" providerId="ADAL" clId="{B045083B-15C0-4F0B-AA82-FBD27338DEAD}" dt="2023-09-24T04:16:31.952" v="6826" actId="18245"/>
          <ac:spMkLst>
            <pc:docMk/>
            <pc:sldMk cId="673452195" sldId="4215"/>
            <ac:spMk id="72" creationId="{34E93A9A-ABE2-C180-4E21-11D3E8AE6739}"/>
          </ac:spMkLst>
        </pc:spChg>
        <pc:spChg chg="mod">
          <ac:chgData name="Michelle Gallace" userId="6890fe1d-fae7-4c95-8977-faa318922140" providerId="ADAL" clId="{B045083B-15C0-4F0B-AA82-FBD27338DEAD}" dt="2023-09-24T04:16:31.952" v="6826" actId="18245"/>
          <ac:spMkLst>
            <pc:docMk/>
            <pc:sldMk cId="673452195" sldId="4215"/>
            <ac:spMk id="73" creationId="{B39599DD-35C0-9BDD-D092-9B3955FA7E59}"/>
          </ac:spMkLst>
        </pc:spChg>
        <pc:spChg chg="mod">
          <ac:chgData name="Michelle Gallace" userId="6890fe1d-fae7-4c95-8977-faa318922140" providerId="ADAL" clId="{B045083B-15C0-4F0B-AA82-FBD27338DEAD}" dt="2023-09-24T04:16:31.952" v="6826" actId="18245"/>
          <ac:spMkLst>
            <pc:docMk/>
            <pc:sldMk cId="673452195" sldId="4215"/>
            <ac:spMk id="74" creationId="{6D8EB791-A276-0894-7AEA-A822F22CFED1}"/>
          </ac:spMkLst>
        </pc:spChg>
        <pc:spChg chg="mod">
          <ac:chgData name="Michelle Gallace" userId="6890fe1d-fae7-4c95-8977-faa318922140" providerId="ADAL" clId="{B045083B-15C0-4F0B-AA82-FBD27338DEAD}" dt="2023-09-24T04:16:31.952" v="6826" actId="18245"/>
          <ac:spMkLst>
            <pc:docMk/>
            <pc:sldMk cId="673452195" sldId="4215"/>
            <ac:spMk id="75" creationId="{CBC30494-CC78-FF63-67ED-721367B987D1}"/>
          </ac:spMkLst>
        </pc:spChg>
        <pc:spChg chg="mod">
          <ac:chgData name="Michelle Gallace" userId="6890fe1d-fae7-4c95-8977-faa318922140" providerId="ADAL" clId="{B045083B-15C0-4F0B-AA82-FBD27338DEAD}" dt="2023-09-24T04:16:31.952" v="6826" actId="18245"/>
          <ac:spMkLst>
            <pc:docMk/>
            <pc:sldMk cId="673452195" sldId="4215"/>
            <ac:spMk id="76" creationId="{14C2A878-7F86-9A87-10C8-C96401B6E455}"/>
          </ac:spMkLst>
        </pc:spChg>
        <pc:spChg chg="mod">
          <ac:chgData name="Michelle Gallace" userId="6890fe1d-fae7-4c95-8977-faa318922140" providerId="ADAL" clId="{B045083B-15C0-4F0B-AA82-FBD27338DEAD}" dt="2023-09-24T04:16:31.952" v="6826" actId="18245"/>
          <ac:spMkLst>
            <pc:docMk/>
            <pc:sldMk cId="673452195" sldId="4215"/>
            <ac:spMk id="77" creationId="{BF500A6D-B227-0112-8E48-4F7DB3976AF7}"/>
          </ac:spMkLst>
        </pc:spChg>
        <pc:spChg chg="mod">
          <ac:chgData name="Michelle Gallace" userId="6890fe1d-fae7-4c95-8977-faa318922140" providerId="ADAL" clId="{B045083B-15C0-4F0B-AA82-FBD27338DEAD}" dt="2023-09-24T04:16:31.952" v="6826" actId="18245"/>
          <ac:spMkLst>
            <pc:docMk/>
            <pc:sldMk cId="673452195" sldId="4215"/>
            <ac:spMk id="79" creationId="{96381E21-095B-B22E-CFAD-3CADC052A993}"/>
          </ac:spMkLst>
        </pc:spChg>
        <pc:spChg chg="mod">
          <ac:chgData name="Michelle Gallace" userId="6890fe1d-fae7-4c95-8977-faa318922140" providerId="ADAL" clId="{B045083B-15C0-4F0B-AA82-FBD27338DEAD}" dt="2023-09-24T04:16:31.952" v="6826" actId="18245"/>
          <ac:spMkLst>
            <pc:docMk/>
            <pc:sldMk cId="673452195" sldId="4215"/>
            <ac:spMk id="80" creationId="{210A75FF-1B2C-7ACA-EB9A-373A9F3E6ED1}"/>
          </ac:spMkLst>
        </pc:spChg>
        <pc:spChg chg="mod">
          <ac:chgData name="Michelle Gallace" userId="6890fe1d-fae7-4c95-8977-faa318922140" providerId="ADAL" clId="{B045083B-15C0-4F0B-AA82-FBD27338DEAD}" dt="2023-09-24T04:16:31.952" v="6826" actId="18245"/>
          <ac:spMkLst>
            <pc:docMk/>
            <pc:sldMk cId="673452195" sldId="4215"/>
            <ac:spMk id="81" creationId="{8787E8B2-9376-F0E0-F366-77FBC4D0A46F}"/>
          </ac:spMkLst>
        </pc:spChg>
        <pc:spChg chg="mod">
          <ac:chgData name="Michelle Gallace" userId="6890fe1d-fae7-4c95-8977-faa318922140" providerId="ADAL" clId="{B045083B-15C0-4F0B-AA82-FBD27338DEAD}" dt="2023-09-24T04:16:31.952" v="6826" actId="18245"/>
          <ac:spMkLst>
            <pc:docMk/>
            <pc:sldMk cId="673452195" sldId="4215"/>
            <ac:spMk id="82" creationId="{90C35FCE-00D3-25D5-BB01-DF96BA739190}"/>
          </ac:spMkLst>
        </pc:spChg>
        <pc:spChg chg="mod">
          <ac:chgData name="Michelle Gallace" userId="6890fe1d-fae7-4c95-8977-faa318922140" providerId="ADAL" clId="{B045083B-15C0-4F0B-AA82-FBD27338DEAD}" dt="2023-09-24T04:16:31.952" v="6826" actId="18245"/>
          <ac:spMkLst>
            <pc:docMk/>
            <pc:sldMk cId="673452195" sldId="4215"/>
            <ac:spMk id="83" creationId="{8E9A77A1-AA12-5AF8-DBDE-A534F75DAE1B}"/>
          </ac:spMkLst>
        </pc:spChg>
        <pc:spChg chg="mod">
          <ac:chgData name="Michelle Gallace" userId="6890fe1d-fae7-4c95-8977-faa318922140" providerId="ADAL" clId="{B045083B-15C0-4F0B-AA82-FBD27338DEAD}" dt="2023-09-24T04:16:31.952" v="6826" actId="18245"/>
          <ac:spMkLst>
            <pc:docMk/>
            <pc:sldMk cId="673452195" sldId="4215"/>
            <ac:spMk id="84" creationId="{FA1CFFDC-9E90-C49B-6615-F90814EC208F}"/>
          </ac:spMkLst>
        </pc:spChg>
        <pc:spChg chg="mod">
          <ac:chgData name="Michelle Gallace" userId="6890fe1d-fae7-4c95-8977-faa318922140" providerId="ADAL" clId="{B045083B-15C0-4F0B-AA82-FBD27338DEAD}" dt="2023-09-24T04:16:31.952" v="6826" actId="18245"/>
          <ac:spMkLst>
            <pc:docMk/>
            <pc:sldMk cId="673452195" sldId="4215"/>
            <ac:spMk id="85" creationId="{87E973DE-9561-FCBC-5E42-77FA11256192}"/>
          </ac:spMkLst>
        </pc:spChg>
        <pc:spChg chg="mod">
          <ac:chgData name="Michelle Gallace" userId="6890fe1d-fae7-4c95-8977-faa318922140" providerId="ADAL" clId="{B045083B-15C0-4F0B-AA82-FBD27338DEAD}" dt="2023-09-24T04:16:31.952" v="6826" actId="18245"/>
          <ac:spMkLst>
            <pc:docMk/>
            <pc:sldMk cId="673452195" sldId="4215"/>
            <ac:spMk id="86" creationId="{022E5AD6-50E3-29F4-BF3E-34EA605A5F78}"/>
          </ac:spMkLst>
        </pc:spChg>
        <pc:spChg chg="mod">
          <ac:chgData name="Michelle Gallace" userId="6890fe1d-fae7-4c95-8977-faa318922140" providerId="ADAL" clId="{B045083B-15C0-4F0B-AA82-FBD27338DEAD}" dt="2023-09-24T04:16:31.952" v="6826" actId="18245"/>
          <ac:spMkLst>
            <pc:docMk/>
            <pc:sldMk cId="673452195" sldId="4215"/>
            <ac:spMk id="87" creationId="{71DECC25-90D7-A737-E1DB-7CEC4EFFB37D}"/>
          </ac:spMkLst>
        </pc:spChg>
        <pc:spChg chg="mod">
          <ac:chgData name="Michelle Gallace" userId="6890fe1d-fae7-4c95-8977-faa318922140" providerId="ADAL" clId="{B045083B-15C0-4F0B-AA82-FBD27338DEAD}" dt="2023-09-24T04:16:31.952" v="6826" actId="18245"/>
          <ac:spMkLst>
            <pc:docMk/>
            <pc:sldMk cId="673452195" sldId="4215"/>
            <ac:spMk id="88" creationId="{0D62EDB6-C441-878A-39F7-BFBEE8E255F5}"/>
          </ac:spMkLst>
        </pc:spChg>
        <pc:spChg chg="mod">
          <ac:chgData name="Michelle Gallace" userId="6890fe1d-fae7-4c95-8977-faa318922140" providerId="ADAL" clId="{B045083B-15C0-4F0B-AA82-FBD27338DEAD}" dt="2023-09-24T04:16:17.774" v="6825" actId="18245"/>
          <ac:spMkLst>
            <pc:docMk/>
            <pc:sldMk cId="673452195" sldId="4215"/>
            <ac:spMk id="89" creationId="{AE536DAE-3F91-9239-1462-847717A6EB64}"/>
          </ac:spMkLst>
        </pc:spChg>
        <pc:grpChg chg="add del mod">
          <ac:chgData name="Michelle Gallace" userId="6890fe1d-fae7-4c95-8977-faa318922140" providerId="ADAL" clId="{B045083B-15C0-4F0B-AA82-FBD27338DEAD}" dt="2023-09-24T04:13:09.784" v="6732" actId="478"/>
          <ac:grpSpMkLst>
            <pc:docMk/>
            <pc:sldMk cId="673452195" sldId="4215"/>
            <ac:grpSpMk id="23" creationId="{779919E0-B4A6-C247-5C72-8706B6CC0F6B}"/>
          </ac:grpSpMkLst>
        </pc:grpChg>
        <pc:grpChg chg="mod">
          <ac:chgData name="Michelle Gallace" userId="6890fe1d-fae7-4c95-8977-faa318922140" providerId="ADAL" clId="{B045083B-15C0-4F0B-AA82-FBD27338DEAD}" dt="2023-09-24T04:16:31.952" v="6826" actId="18245"/>
          <ac:grpSpMkLst>
            <pc:docMk/>
            <pc:sldMk cId="673452195" sldId="4215"/>
            <ac:grpSpMk id="52" creationId="{EE600F94-AD3A-F2A0-99F0-3B40E9D4555B}"/>
          </ac:grpSpMkLst>
        </pc:grpChg>
        <pc:graphicFrameChg chg="add del mod">
          <ac:chgData name="Michelle Gallace" userId="6890fe1d-fae7-4c95-8977-faa318922140" providerId="ADAL" clId="{B045083B-15C0-4F0B-AA82-FBD27338DEAD}" dt="2023-09-24T04:19:05.765" v="6836" actId="14100"/>
          <ac:graphicFrameMkLst>
            <pc:docMk/>
            <pc:sldMk cId="673452195" sldId="4215"/>
            <ac:graphicFrameMk id="3" creationId="{76F914DF-35BA-75F0-982F-A2A6DDDF02D6}"/>
          </ac:graphicFrameMkLst>
        </pc:graphicFrameChg>
        <pc:cxnChg chg="mod">
          <ac:chgData name="Michelle Gallace" userId="6890fe1d-fae7-4c95-8977-faa318922140" providerId="ADAL" clId="{B045083B-15C0-4F0B-AA82-FBD27338DEAD}" dt="2023-09-24T00:33:20.299" v="6507" actId="1076"/>
          <ac:cxnSpMkLst>
            <pc:docMk/>
            <pc:sldMk cId="673452195" sldId="4215"/>
            <ac:cxnSpMk id="6" creationId="{E4CA8347-4FF9-032E-0C73-EA5BAD746C5D}"/>
          </ac:cxnSpMkLst>
        </pc:cxnChg>
        <pc:cxnChg chg="mod">
          <ac:chgData name="Michelle Gallace" userId="6890fe1d-fae7-4c95-8977-faa318922140" providerId="ADAL" clId="{B045083B-15C0-4F0B-AA82-FBD27338DEAD}" dt="2023-09-24T00:33:20.299" v="6507" actId="1076"/>
          <ac:cxnSpMkLst>
            <pc:docMk/>
            <pc:sldMk cId="673452195" sldId="4215"/>
            <ac:cxnSpMk id="8" creationId="{2E3F725D-4ABC-1223-5891-CC4CFA4D36FA}"/>
          </ac:cxnSpMkLst>
        </pc:cxnChg>
        <pc:cxnChg chg="mod">
          <ac:chgData name="Michelle Gallace" userId="6890fe1d-fae7-4c95-8977-faa318922140" providerId="ADAL" clId="{B045083B-15C0-4F0B-AA82-FBD27338DEAD}" dt="2023-09-24T04:37:56.285" v="6851" actId="1076"/>
          <ac:cxnSpMkLst>
            <pc:docMk/>
            <pc:sldMk cId="673452195" sldId="4215"/>
            <ac:cxnSpMk id="9" creationId="{3847A342-6124-FE41-432C-003DCF10D248}"/>
          </ac:cxnSpMkLst>
        </pc:cxnChg>
        <pc:cxnChg chg="mod">
          <ac:chgData name="Michelle Gallace" userId="6890fe1d-fae7-4c95-8977-faa318922140" providerId="ADAL" clId="{B045083B-15C0-4F0B-AA82-FBD27338DEAD}" dt="2023-09-24T00:33:20.299" v="6507" actId="1076"/>
          <ac:cxnSpMkLst>
            <pc:docMk/>
            <pc:sldMk cId="673452195" sldId="4215"/>
            <ac:cxnSpMk id="11" creationId="{73B44BDE-5654-D844-4981-491125A7FA38}"/>
          </ac:cxnSpMkLst>
        </pc:cxnChg>
        <pc:cxnChg chg="add mod">
          <ac:chgData name="Michelle Gallace" userId="6890fe1d-fae7-4c95-8977-faa318922140" providerId="ADAL" clId="{B045083B-15C0-4F0B-AA82-FBD27338DEAD}" dt="2023-09-24T00:42:33.174" v="6581" actId="14100"/>
          <ac:cxnSpMkLst>
            <pc:docMk/>
            <pc:sldMk cId="673452195" sldId="4215"/>
            <ac:cxnSpMk id="12" creationId="{3E62AEF9-69D1-681A-781E-09758385C0E4}"/>
          </ac:cxnSpMkLst>
        </pc:cxnChg>
        <pc:cxnChg chg="mod">
          <ac:chgData name="Michelle Gallace" userId="6890fe1d-fae7-4c95-8977-faa318922140" providerId="ADAL" clId="{B045083B-15C0-4F0B-AA82-FBD27338DEAD}" dt="2023-09-24T00:33:20.299" v="6507" actId="1076"/>
          <ac:cxnSpMkLst>
            <pc:docMk/>
            <pc:sldMk cId="673452195" sldId="4215"/>
            <ac:cxnSpMk id="12" creationId="{8433573A-A534-D519-48DB-37ACCE245A53}"/>
          </ac:cxnSpMkLst>
        </pc:cxnChg>
        <pc:cxnChg chg="mod">
          <ac:chgData name="Michelle Gallace" userId="6890fe1d-fae7-4c95-8977-faa318922140" providerId="ADAL" clId="{B045083B-15C0-4F0B-AA82-FBD27338DEAD}" dt="2023-09-24T00:33:20.299" v="6507" actId="1076"/>
          <ac:cxnSpMkLst>
            <pc:docMk/>
            <pc:sldMk cId="673452195" sldId="4215"/>
            <ac:cxnSpMk id="13" creationId="{79F8FF95-3ED8-D07F-7CA2-40DEE11D2270}"/>
          </ac:cxnSpMkLst>
        </pc:cxnChg>
        <pc:cxnChg chg="mod">
          <ac:chgData name="Michelle Gallace" userId="6890fe1d-fae7-4c95-8977-faa318922140" providerId="ADAL" clId="{B045083B-15C0-4F0B-AA82-FBD27338DEAD}" dt="2023-09-24T00:33:20.299" v="6507" actId="1076"/>
          <ac:cxnSpMkLst>
            <pc:docMk/>
            <pc:sldMk cId="673452195" sldId="4215"/>
            <ac:cxnSpMk id="14" creationId="{0E28A114-42BB-02C7-E46C-FDFEE73BCC5E}"/>
          </ac:cxnSpMkLst>
        </pc:cxnChg>
        <pc:cxnChg chg="add del mod">
          <ac:chgData name="Michelle Gallace" userId="6890fe1d-fae7-4c95-8977-faa318922140" providerId="ADAL" clId="{B045083B-15C0-4F0B-AA82-FBD27338DEAD}" dt="2023-09-24T04:08:00.800" v="6626" actId="478"/>
          <ac:cxnSpMkLst>
            <pc:docMk/>
            <pc:sldMk cId="673452195" sldId="4215"/>
            <ac:cxnSpMk id="14" creationId="{46AD48DE-AC43-75CE-653F-19299DE05199}"/>
          </ac:cxnSpMkLst>
        </pc:cxnChg>
        <pc:cxnChg chg="add del mod">
          <ac:chgData name="Michelle Gallace" userId="6890fe1d-fae7-4c95-8977-faa318922140" providerId="ADAL" clId="{B045083B-15C0-4F0B-AA82-FBD27338DEAD}" dt="2023-09-24T04:12:42.912" v="6728" actId="478"/>
          <ac:cxnSpMkLst>
            <pc:docMk/>
            <pc:sldMk cId="673452195" sldId="4215"/>
            <ac:cxnSpMk id="15" creationId="{3CDB4102-D2A2-3E5B-E869-FA861D565055}"/>
          </ac:cxnSpMkLst>
        </pc:cxnChg>
        <pc:cxnChg chg="add del mod topLvl">
          <ac:chgData name="Michelle Gallace" userId="6890fe1d-fae7-4c95-8977-faa318922140" providerId="ADAL" clId="{B045083B-15C0-4F0B-AA82-FBD27338DEAD}" dt="2023-09-24T04:13:09.784" v="6732" actId="478"/>
          <ac:cxnSpMkLst>
            <pc:docMk/>
            <pc:sldMk cId="673452195" sldId="4215"/>
            <ac:cxnSpMk id="16" creationId="{978271EB-03FE-3DB5-E9C7-761D2C025AE7}"/>
          </ac:cxnSpMkLst>
        </pc:cxnChg>
        <pc:cxnChg chg="add del mod">
          <ac:chgData name="Michelle Gallace" userId="6890fe1d-fae7-4c95-8977-faa318922140" providerId="ADAL" clId="{B045083B-15C0-4F0B-AA82-FBD27338DEAD}" dt="2023-09-24T04:11:58.739" v="6721" actId="478"/>
          <ac:cxnSpMkLst>
            <pc:docMk/>
            <pc:sldMk cId="673452195" sldId="4215"/>
            <ac:cxnSpMk id="19" creationId="{4E4E9BA3-8320-0A8D-3618-FC5551CF319D}"/>
          </ac:cxnSpMkLst>
        </pc:cxnChg>
        <pc:cxnChg chg="mod">
          <ac:chgData name="Michelle Gallace" userId="6890fe1d-fae7-4c95-8977-faa318922140" providerId="ADAL" clId="{B045083B-15C0-4F0B-AA82-FBD27338DEAD}" dt="2023-09-24T00:33:20.299" v="6507" actId="1076"/>
          <ac:cxnSpMkLst>
            <pc:docMk/>
            <pc:sldMk cId="673452195" sldId="4215"/>
            <ac:cxnSpMk id="19" creationId="{A2604A76-A5CC-6706-EC46-F76D0228DABF}"/>
          </ac:cxnSpMkLst>
        </pc:cxnChg>
        <pc:cxnChg chg="mod">
          <ac:chgData name="Michelle Gallace" userId="6890fe1d-fae7-4c95-8977-faa318922140" providerId="ADAL" clId="{B045083B-15C0-4F0B-AA82-FBD27338DEAD}" dt="2023-09-24T00:37:47.456" v="6536" actId="14100"/>
          <ac:cxnSpMkLst>
            <pc:docMk/>
            <pc:sldMk cId="673452195" sldId="4215"/>
            <ac:cxnSpMk id="20" creationId="{5990D528-F292-8644-35DA-47D1B5C833F5}"/>
          </ac:cxnSpMkLst>
        </pc:cxnChg>
        <pc:cxnChg chg="add del mod">
          <ac:chgData name="Michelle Gallace" userId="6890fe1d-fae7-4c95-8977-faa318922140" providerId="ADAL" clId="{B045083B-15C0-4F0B-AA82-FBD27338DEAD}" dt="2023-09-24T04:11:16.630" v="6715" actId="478"/>
          <ac:cxnSpMkLst>
            <pc:docMk/>
            <pc:sldMk cId="673452195" sldId="4215"/>
            <ac:cxnSpMk id="21" creationId="{93AC2C9A-5E08-5641-CDF8-7B0361A151BE}"/>
          </ac:cxnSpMkLst>
        </pc:cxnChg>
        <pc:cxnChg chg="mod">
          <ac:chgData name="Michelle Gallace" userId="6890fe1d-fae7-4c95-8977-faa318922140" providerId="ADAL" clId="{B045083B-15C0-4F0B-AA82-FBD27338DEAD}" dt="2023-09-24T00:33:20.299" v="6507" actId="1076"/>
          <ac:cxnSpMkLst>
            <pc:docMk/>
            <pc:sldMk cId="673452195" sldId="4215"/>
            <ac:cxnSpMk id="21" creationId="{B1D7328A-0F53-63FE-CDBE-6A091A9B163D}"/>
          </ac:cxnSpMkLst>
        </pc:cxnChg>
        <pc:cxnChg chg="add del mod topLvl">
          <ac:chgData name="Michelle Gallace" userId="6890fe1d-fae7-4c95-8977-faa318922140" providerId="ADAL" clId="{B045083B-15C0-4F0B-AA82-FBD27338DEAD}" dt="2023-09-24T04:13:52.417" v="6739" actId="478"/>
          <ac:cxnSpMkLst>
            <pc:docMk/>
            <pc:sldMk cId="673452195" sldId="4215"/>
            <ac:cxnSpMk id="22" creationId="{81314CFE-F274-F98C-3367-5BA1168DE9B9}"/>
          </ac:cxnSpMkLst>
        </pc:cxnChg>
        <pc:cxnChg chg="mod">
          <ac:chgData name="Michelle Gallace" userId="6890fe1d-fae7-4c95-8977-faa318922140" providerId="ADAL" clId="{B045083B-15C0-4F0B-AA82-FBD27338DEAD}" dt="2023-09-24T00:33:20.299" v="6507" actId="1076"/>
          <ac:cxnSpMkLst>
            <pc:docMk/>
            <pc:sldMk cId="673452195" sldId="4215"/>
            <ac:cxnSpMk id="24" creationId="{1889A0EF-4BCA-DD7E-62D0-BFCE874237E3}"/>
          </ac:cxnSpMkLst>
        </pc:cxnChg>
        <pc:cxnChg chg="add del mod">
          <ac:chgData name="Michelle Gallace" userId="6890fe1d-fae7-4c95-8977-faa318922140" providerId="ADAL" clId="{B045083B-15C0-4F0B-AA82-FBD27338DEAD}" dt="2023-09-24T04:13:50.026" v="6738" actId="478"/>
          <ac:cxnSpMkLst>
            <pc:docMk/>
            <pc:sldMk cId="673452195" sldId="4215"/>
            <ac:cxnSpMk id="38" creationId="{4A1510E7-0242-7BBD-8059-126891699D9F}"/>
          </ac:cxnSpMkLst>
        </pc:cxnChg>
        <pc:cxnChg chg="mod">
          <ac:chgData name="Michelle Gallace" userId="6890fe1d-fae7-4c95-8977-faa318922140" providerId="ADAL" clId="{B045083B-15C0-4F0B-AA82-FBD27338DEAD}" dt="2023-09-24T00:33:20.299" v="6507" actId="1076"/>
          <ac:cxnSpMkLst>
            <pc:docMk/>
            <pc:sldMk cId="673452195" sldId="4215"/>
            <ac:cxnSpMk id="44" creationId="{84060F73-285F-0E4C-502B-3CBCE19CF49F}"/>
          </ac:cxnSpMkLst>
        </pc:cxnChg>
        <pc:cxnChg chg="mod">
          <ac:chgData name="Michelle Gallace" userId="6890fe1d-fae7-4c95-8977-faa318922140" providerId="ADAL" clId="{B045083B-15C0-4F0B-AA82-FBD27338DEAD}" dt="2023-09-24T00:33:20.299" v="6507" actId="1076"/>
          <ac:cxnSpMkLst>
            <pc:docMk/>
            <pc:sldMk cId="673452195" sldId="4215"/>
            <ac:cxnSpMk id="50" creationId="{4B8F13AB-1CB1-98F9-CE22-B7B28D5BABFA}"/>
          </ac:cxnSpMkLst>
        </pc:cxnChg>
        <pc:cxnChg chg="del mod ord">
          <ac:chgData name="Michelle Gallace" userId="6890fe1d-fae7-4c95-8977-faa318922140" providerId="ADAL" clId="{B045083B-15C0-4F0B-AA82-FBD27338DEAD}" dt="2023-09-24T00:38:48.036" v="6547" actId="478"/>
          <ac:cxnSpMkLst>
            <pc:docMk/>
            <pc:sldMk cId="673452195" sldId="4215"/>
            <ac:cxnSpMk id="56" creationId="{6F8090AA-6EB9-41B2-BDF7-33D2F96DF943}"/>
          </ac:cxnSpMkLst>
        </pc:cxnChg>
        <pc:cxnChg chg="mod">
          <ac:chgData name="Michelle Gallace" userId="6890fe1d-fae7-4c95-8977-faa318922140" providerId="ADAL" clId="{B045083B-15C0-4F0B-AA82-FBD27338DEAD}" dt="2023-09-24T00:33:20.299" v="6507" actId="1076"/>
          <ac:cxnSpMkLst>
            <pc:docMk/>
            <pc:sldMk cId="673452195" sldId="4215"/>
            <ac:cxnSpMk id="58" creationId="{2A319BD9-DECD-4B78-2E8A-237E1590F3C1}"/>
          </ac:cxnSpMkLst>
        </pc:cxnChg>
        <pc:cxnChg chg="mod">
          <ac:chgData name="Michelle Gallace" userId="6890fe1d-fae7-4c95-8977-faa318922140" providerId="ADAL" clId="{B045083B-15C0-4F0B-AA82-FBD27338DEAD}" dt="2023-09-24T00:33:20.299" v="6507" actId="1076"/>
          <ac:cxnSpMkLst>
            <pc:docMk/>
            <pc:sldMk cId="673452195" sldId="4215"/>
            <ac:cxnSpMk id="61" creationId="{C4286E81-26D0-4872-DE9F-A42C72647BEB}"/>
          </ac:cxnSpMkLst>
        </pc:cxnChg>
        <pc:cxnChg chg="mod">
          <ac:chgData name="Michelle Gallace" userId="6890fe1d-fae7-4c95-8977-faa318922140" providerId="ADAL" clId="{B045083B-15C0-4F0B-AA82-FBD27338DEAD}" dt="2023-09-24T00:33:20.299" v="6507" actId="1076"/>
          <ac:cxnSpMkLst>
            <pc:docMk/>
            <pc:sldMk cId="673452195" sldId="4215"/>
            <ac:cxnSpMk id="78" creationId="{7EE5EB78-E16A-B34D-5384-A92FBF37B3C7}"/>
          </ac:cxnSpMkLst>
        </pc:cxnChg>
        <pc:cxnChg chg="mod">
          <ac:chgData name="Michelle Gallace" userId="6890fe1d-fae7-4c95-8977-faa318922140" providerId="ADAL" clId="{B045083B-15C0-4F0B-AA82-FBD27338DEAD}" dt="2023-09-24T00:33:20.299" v="6507" actId="1076"/>
          <ac:cxnSpMkLst>
            <pc:docMk/>
            <pc:sldMk cId="673452195" sldId="4215"/>
            <ac:cxnSpMk id="82" creationId="{D1253896-94F4-9E07-237B-1498813C0F02}"/>
          </ac:cxnSpMkLst>
        </pc:cxnChg>
        <pc:cxnChg chg="mod">
          <ac:chgData name="Michelle Gallace" userId="6890fe1d-fae7-4c95-8977-faa318922140" providerId="ADAL" clId="{B045083B-15C0-4F0B-AA82-FBD27338DEAD}" dt="2023-09-24T00:33:20.299" v="6507" actId="1076"/>
          <ac:cxnSpMkLst>
            <pc:docMk/>
            <pc:sldMk cId="673452195" sldId="4215"/>
            <ac:cxnSpMk id="83" creationId="{FC476FC5-B6B2-7B44-8393-B970ABCF88C7}"/>
          </ac:cxnSpMkLst>
        </pc:cxnChg>
        <pc:cxnChg chg="mod">
          <ac:chgData name="Michelle Gallace" userId="6890fe1d-fae7-4c95-8977-faa318922140" providerId="ADAL" clId="{B045083B-15C0-4F0B-AA82-FBD27338DEAD}" dt="2023-09-24T00:33:20.299" v="6507" actId="1076"/>
          <ac:cxnSpMkLst>
            <pc:docMk/>
            <pc:sldMk cId="673452195" sldId="4215"/>
            <ac:cxnSpMk id="84" creationId="{7CFAC1A5-EC75-EE84-5C44-50932CB81DE0}"/>
          </ac:cxnSpMkLst>
        </pc:cxnChg>
      </pc:sldChg>
      <pc:sldChg chg="new del">
        <pc:chgData name="Michelle Gallace" userId="6890fe1d-fae7-4c95-8977-faa318922140" providerId="ADAL" clId="{B045083B-15C0-4F0B-AA82-FBD27338DEAD}" dt="2023-09-21T06:52:58.366" v="18" actId="680"/>
        <pc:sldMkLst>
          <pc:docMk/>
          <pc:sldMk cId="2605617724" sldId="4216"/>
        </pc:sldMkLst>
      </pc:sldChg>
      <pc:sldChg chg="addSp delSp modSp add mod ord modTransition modNotes modNotesTx">
        <pc:chgData name="Michelle Gallace" userId="6890fe1d-fae7-4c95-8977-faa318922140" providerId="ADAL" clId="{B045083B-15C0-4F0B-AA82-FBD27338DEAD}" dt="2023-09-25T02:12:03.850" v="9018"/>
        <pc:sldMkLst>
          <pc:docMk/>
          <pc:sldMk cId="3237961604" sldId="4216"/>
        </pc:sldMkLst>
        <pc:spChg chg="add mod">
          <ac:chgData name="Michelle Gallace" userId="6890fe1d-fae7-4c95-8977-faa318922140" providerId="ADAL" clId="{B045083B-15C0-4F0B-AA82-FBD27338DEAD}" dt="2023-09-24T09:42:17.441" v="8396" actId="20577"/>
          <ac:spMkLst>
            <pc:docMk/>
            <pc:sldMk cId="3237961604" sldId="4216"/>
            <ac:spMk id="2" creationId="{B09CAA94-C2D7-9DDE-2FFF-E681731AB909}"/>
          </ac:spMkLst>
        </pc:spChg>
        <pc:spChg chg="mod">
          <ac:chgData name="Michelle Gallace" userId="6890fe1d-fae7-4c95-8977-faa318922140" providerId="ADAL" clId="{B045083B-15C0-4F0B-AA82-FBD27338DEAD}" dt="2023-09-21T07:00:46.209" v="56" actId="20577"/>
          <ac:spMkLst>
            <pc:docMk/>
            <pc:sldMk cId="3237961604" sldId="4216"/>
            <ac:spMk id="283" creationId="{00000000-0000-0000-0000-000000000000}"/>
          </ac:spMkLst>
        </pc:spChg>
        <pc:picChg chg="add del mod modCrop">
          <ac:chgData name="Michelle Gallace" userId="6890fe1d-fae7-4c95-8977-faa318922140" providerId="ADAL" clId="{B045083B-15C0-4F0B-AA82-FBD27338DEAD}" dt="2023-09-22T01:42:00.020" v="2216" actId="478"/>
          <ac:picMkLst>
            <pc:docMk/>
            <pc:sldMk cId="3237961604" sldId="4216"/>
            <ac:picMk id="3" creationId="{EF5C2DCD-1186-77FB-F1AE-3BC6AD4AD984}"/>
          </ac:picMkLst>
        </pc:picChg>
        <pc:picChg chg="del">
          <ac:chgData name="Michelle Gallace" userId="6890fe1d-fae7-4c95-8977-faa318922140" providerId="ADAL" clId="{B045083B-15C0-4F0B-AA82-FBD27338DEAD}" dt="2023-09-21T06:53:08.073" v="20" actId="478"/>
          <ac:picMkLst>
            <pc:docMk/>
            <pc:sldMk cId="3237961604" sldId="4216"/>
            <ac:picMk id="4" creationId="{F3B18C86-7565-46F6-6811-64E37B671E85}"/>
          </ac:picMkLst>
        </pc:picChg>
      </pc:sldChg>
      <pc:sldChg chg="modSp add mod modTransition modNotes modNotesTx">
        <pc:chgData name="Michelle Gallace" userId="6890fe1d-fae7-4c95-8977-faa318922140" providerId="ADAL" clId="{B045083B-15C0-4F0B-AA82-FBD27338DEAD}" dt="2023-09-25T02:12:03.850" v="9018"/>
        <pc:sldMkLst>
          <pc:docMk/>
          <pc:sldMk cId="734770279" sldId="4217"/>
        </pc:sldMkLst>
        <pc:spChg chg="mod">
          <ac:chgData name="Michelle Gallace" userId="6890fe1d-fae7-4c95-8977-faa318922140" providerId="ADAL" clId="{B045083B-15C0-4F0B-AA82-FBD27338DEAD}" dt="2023-09-22T01:50:13.700" v="2246" actId="14100"/>
          <ac:spMkLst>
            <pc:docMk/>
            <pc:sldMk cId="734770279" sldId="4217"/>
            <ac:spMk id="3" creationId="{9AA1302B-F849-1B61-1FE1-C9F2AEC4EFA2}"/>
          </ac:spMkLst>
        </pc:spChg>
        <pc:spChg chg="mod">
          <ac:chgData name="Michelle Gallace" userId="6890fe1d-fae7-4c95-8977-faa318922140" providerId="ADAL" clId="{B045083B-15C0-4F0B-AA82-FBD27338DEAD}" dt="2023-09-21T07:20:50.450" v="415" actId="20577"/>
          <ac:spMkLst>
            <pc:docMk/>
            <pc:sldMk cId="734770279" sldId="4217"/>
            <ac:spMk id="4" creationId="{99EB0E17-BB44-B056-0265-BB93B2FE65C1}"/>
          </ac:spMkLst>
        </pc:spChg>
      </pc:sldChg>
      <pc:sldChg chg="new del">
        <pc:chgData name="Michelle Gallace" userId="6890fe1d-fae7-4c95-8977-faa318922140" providerId="ADAL" clId="{B045083B-15C0-4F0B-AA82-FBD27338DEAD}" dt="2023-09-21T07:17:26.903" v="275" actId="680"/>
        <pc:sldMkLst>
          <pc:docMk/>
          <pc:sldMk cId="1310601536" sldId="4218"/>
        </pc:sldMkLst>
      </pc:sldChg>
      <pc:sldChg chg="addSp delSp modSp del mod">
        <pc:chgData name="Michelle Gallace" userId="6890fe1d-fae7-4c95-8977-faa318922140" providerId="ADAL" clId="{B045083B-15C0-4F0B-AA82-FBD27338DEAD}" dt="2023-09-22T12:32:54.904" v="6494" actId="2696"/>
        <pc:sldMkLst>
          <pc:docMk/>
          <pc:sldMk cId="3894670953" sldId="4218"/>
        </pc:sldMkLst>
        <pc:spChg chg="add mod">
          <ac:chgData name="Michelle Gallace" userId="6890fe1d-fae7-4c95-8977-faa318922140" providerId="ADAL" clId="{B045083B-15C0-4F0B-AA82-FBD27338DEAD}" dt="2023-09-22T12:27:10.843" v="6227" actId="20577"/>
          <ac:spMkLst>
            <pc:docMk/>
            <pc:sldMk cId="3894670953" sldId="4218"/>
            <ac:spMk id="2" creationId="{03B7D70F-0246-AA60-2970-7BDED2D5B6DD}"/>
          </ac:spMkLst>
        </pc:spChg>
        <pc:spChg chg="mod">
          <ac:chgData name="Michelle Gallace" userId="6890fe1d-fae7-4c95-8977-faa318922140" providerId="ADAL" clId="{B045083B-15C0-4F0B-AA82-FBD27338DEAD}" dt="2023-09-22T12:17:02.188" v="5737" actId="1076"/>
          <ac:spMkLst>
            <pc:docMk/>
            <pc:sldMk cId="3894670953" sldId="4218"/>
            <ac:spMk id="4" creationId="{7E8BCD3F-8252-4D7C-518E-1E16B2EFF9EC}"/>
          </ac:spMkLst>
        </pc:spChg>
        <pc:spChg chg="mod">
          <ac:chgData name="Michelle Gallace" userId="6890fe1d-fae7-4c95-8977-faa318922140" providerId="ADAL" clId="{B045083B-15C0-4F0B-AA82-FBD27338DEAD}" dt="2023-09-22T12:24:22.173" v="6087" actId="1076"/>
          <ac:spMkLst>
            <pc:docMk/>
            <pc:sldMk cId="3894670953" sldId="4218"/>
            <ac:spMk id="5" creationId="{DB961331-2EAB-0FE4-A08E-D2D442F7084B}"/>
          </ac:spMkLst>
        </pc:spChg>
        <pc:spChg chg="add mod">
          <ac:chgData name="Michelle Gallace" userId="6890fe1d-fae7-4c95-8977-faa318922140" providerId="ADAL" clId="{B045083B-15C0-4F0B-AA82-FBD27338DEAD}" dt="2023-09-22T12:30:44.649" v="6479" actId="1076"/>
          <ac:spMkLst>
            <pc:docMk/>
            <pc:sldMk cId="3894670953" sldId="4218"/>
            <ac:spMk id="6" creationId="{AD1904CC-87C1-040B-D181-933304F43973}"/>
          </ac:spMkLst>
        </pc:spChg>
        <pc:spChg chg="mod">
          <ac:chgData name="Michelle Gallace" userId="6890fe1d-fae7-4c95-8977-faa318922140" providerId="ADAL" clId="{B045083B-15C0-4F0B-AA82-FBD27338DEAD}" dt="2023-09-22T12:32:09.614" v="6484" actId="1076"/>
          <ac:spMkLst>
            <pc:docMk/>
            <pc:sldMk cId="3894670953" sldId="4218"/>
            <ac:spMk id="8" creationId="{582BA8BF-5AAC-39E2-8BCC-7780D6C40ECD}"/>
          </ac:spMkLst>
        </pc:spChg>
        <pc:spChg chg="del">
          <ac:chgData name="Michelle Gallace" userId="6890fe1d-fae7-4c95-8977-faa318922140" providerId="ADAL" clId="{B045083B-15C0-4F0B-AA82-FBD27338DEAD}" dt="2023-09-22T12:16:01.894" v="5730" actId="478"/>
          <ac:spMkLst>
            <pc:docMk/>
            <pc:sldMk cId="3894670953" sldId="4218"/>
            <ac:spMk id="11" creationId="{88D876D0-5D41-D7FB-89FA-344BCC4FCCC4}"/>
          </ac:spMkLst>
        </pc:spChg>
        <pc:spChg chg="add mod">
          <ac:chgData name="Michelle Gallace" userId="6890fe1d-fae7-4c95-8977-faa318922140" providerId="ADAL" clId="{B045083B-15C0-4F0B-AA82-FBD27338DEAD}" dt="2023-09-22T12:32:51.185" v="6493"/>
          <ac:spMkLst>
            <pc:docMk/>
            <pc:sldMk cId="3894670953" sldId="4218"/>
            <ac:spMk id="12" creationId="{53C2EB78-72D6-3840-19A5-EF27CF0FE5BD}"/>
          </ac:spMkLst>
        </pc:spChg>
        <pc:picChg chg="add mod modCrop">
          <ac:chgData name="Michelle Gallace" userId="6890fe1d-fae7-4c95-8977-faa318922140" providerId="ADAL" clId="{B045083B-15C0-4F0B-AA82-FBD27338DEAD}" dt="2023-09-22T12:28:29.239" v="6238" actId="1076"/>
          <ac:picMkLst>
            <pc:docMk/>
            <pc:sldMk cId="3894670953" sldId="4218"/>
            <ac:picMk id="3" creationId="{6708C56C-50A0-B72F-D9E2-66E00A22AE62}"/>
          </ac:picMkLst>
        </pc:picChg>
        <pc:picChg chg="add mod modCrop">
          <ac:chgData name="Michelle Gallace" userId="6890fe1d-fae7-4c95-8977-faa318922140" providerId="ADAL" clId="{B045083B-15C0-4F0B-AA82-FBD27338DEAD}" dt="2023-09-22T12:32:38.607" v="6490" actId="1076"/>
          <ac:picMkLst>
            <pc:docMk/>
            <pc:sldMk cId="3894670953" sldId="4218"/>
            <ac:picMk id="7" creationId="{6D4086E9-2275-BDDA-A54C-0A27BB9A824A}"/>
          </ac:picMkLst>
        </pc:picChg>
        <pc:picChg chg="mod modCrop">
          <ac:chgData name="Michelle Gallace" userId="6890fe1d-fae7-4c95-8977-faa318922140" providerId="ADAL" clId="{B045083B-15C0-4F0B-AA82-FBD27338DEAD}" dt="2023-09-22T12:26:36.445" v="6207" actId="1076"/>
          <ac:picMkLst>
            <pc:docMk/>
            <pc:sldMk cId="3894670953" sldId="4218"/>
            <ac:picMk id="9" creationId="{09FB3B1D-A008-E05C-7050-75FD3FC1FACB}"/>
          </ac:picMkLst>
        </pc:picChg>
        <pc:picChg chg="add del mod">
          <ac:chgData name="Michelle Gallace" userId="6890fe1d-fae7-4c95-8977-faa318922140" providerId="ADAL" clId="{B045083B-15C0-4F0B-AA82-FBD27338DEAD}" dt="2023-09-22T12:32:45.809" v="6492" actId="478"/>
          <ac:picMkLst>
            <pc:docMk/>
            <pc:sldMk cId="3894670953" sldId="4218"/>
            <ac:picMk id="10" creationId="{63A512C7-0FDD-A3AF-B183-5F7F5071D3A4}"/>
          </ac:picMkLst>
        </pc:picChg>
      </pc:sldChg>
      <pc:sldChg chg="modSp add mod ord modTransition modNotes modNotesTx">
        <pc:chgData name="Michelle Gallace" userId="6890fe1d-fae7-4c95-8977-faa318922140" providerId="ADAL" clId="{B045083B-15C0-4F0B-AA82-FBD27338DEAD}" dt="2023-09-25T02:12:03.850" v="9018"/>
        <pc:sldMkLst>
          <pc:docMk/>
          <pc:sldMk cId="3654132931" sldId="4223"/>
        </pc:sldMkLst>
        <pc:spChg chg="mod">
          <ac:chgData name="Michelle Gallace" userId="6890fe1d-fae7-4c95-8977-faa318922140" providerId="ADAL" clId="{B045083B-15C0-4F0B-AA82-FBD27338DEAD}" dt="2023-09-21T07:17:47.595" v="282" actId="1076"/>
          <ac:spMkLst>
            <pc:docMk/>
            <pc:sldMk cId="3654132931" sldId="4223"/>
            <ac:spMk id="282" creationId="{00000000-0000-0000-0000-000000000000}"/>
          </ac:spMkLst>
        </pc:spChg>
        <pc:spChg chg="mod">
          <ac:chgData name="Michelle Gallace" userId="6890fe1d-fae7-4c95-8977-faa318922140" providerId="ADAL" clId="{B045083B-15C0-4F0B-AA82-FBD27338DEAD}" dt="2023-09-21T07:17:58.390" v="318" actId="20577"/>
          <ac:spMkLst>
            <pc:docMk/>
            <pc:sldMk cId="3654132931" sldId="4223"/>
            <ac:spMk id="283" creationId="{00000000-0000-0000-0000-000000000000}"/>
          </ac:spMkLst>
        </pc:spChg>
      </pc:sldChg>
      <pc:sldChg chg="modSp add mod ord modTransition modNotes modNotesTx">
        <pc:chgData name="Michelle Gallace" userId="6890fe1d-fae7-4c95-8977-faa318922140" providerId="ADAL" clId="{B045083B-15C0-4F0B-AA82-FBD27338DEAD}" dt="2023-09-25T02:12:03.850" v="9018"/>
        <pc:sldMkLst>
          <pc:docMk/>
          <pc:sldMk cId="4095333502" sldId="4224"/>
        </pc:sldMkLst>
        <pc:spChg chg="mod">
          <ac:chgData name="Michelle Gallace" userId="6890fe1d-fae7-4c95-8977-faa318922140" providerId="ADAL" clId="{B045083B-15C0-4F0B-AA82-FBD27338DEAD}" dt="2023-09-24T05:04:04.061" v="6859" actId="20577"/>
          <ac:spMkLst>
            <pc:docMk/>
            <pc:sldMk cId="4095333502" sldId="4224"/>
            <ac:spMk id="24" creationId="{09519725-05FD-7C84-BD72-20CB779D4ABA}"/>
          </ac:spMkLst>
        </pc:spChg>
      </pc:sldChg>
      <pc:sldChg chg="new del">
        <pc:chgData name="Michelle Gallace" userId="6890fe1d-fae7-4c95-8977-faa318922140" providerId="ADAL" clId="{B045083B-15C0-4F0B-AA82-FBD27338DEAD}" dt="2023-09-22T01:40:29.762" v="2002" actId="2696"/>
        <pc:sldMkLst>
          <pc:docMk/>
          <pc:sldMk cId="1270811242" sldId="4225"/>
        </pc:sldMkLst>
      </pc:sldChg>
      <pc:sldChg chg="modSp add del mod">
        <pc:chgData name="Michelle Gallace" userId="6890fe1d-fae7-4c95-8977-faa318922140" providerId="ADAL" clId="{B045083B-15C0-4F0B-AA82-FBD27338DEAD}" dt="2023-09-22T01:44:36.501" v="2234" actId="2696"/>
        <pc:sldMkLst>
          <pc:docMk/>
          <pc:sldMk cId="2680563942" sldId="4225"/>
        </pc:sldMkLst>
        <pc:spChg chg="mod">
          <ac:chgData name="Michelle Gallace" userId="6890fe1d-fae7-4c95-8977-faa318922140" providerId="ADAL" clId="{B045083B-15C0-4F0B-AA82-FBD27338DEAD}" dt="2023-09-22T01:41:47.808" v="2215" actId="20577"/>
          <ac:spMkLst>
            <pc:docMk/>
            <pc:sldMk cId="2680563942" sldId="4225"/>
            <ac:spMk id="2" creationId="{B09CAA94-C2D7-9DDE-2FFF-E681731AB909}"/>
          </ac:spMkLst>
        </pc:spChg>
      </pc:sldChg>
      <pc:sldChg chg="addSp delSp modSp mod ord modTransition modNotes modNotesTx">
        <pc:chgData name="Michelle Gallace" userId="6890fe1d-fae7-4c95-8977-faa318922140" providerId="ADAL" clId="{B045083B-15C0-4F0B-AA82-FBD27338DEAD}" dt="2023-09-25T02:12:03.850" v="9018"/>
        <pc:sldMkLst>
          <pc:docMk/>
          <pc:sldMk cId="3038520300" sldId="4225"/>
        </pc:sldMkLst>
        <pc:spChg chg="mod">
          <ac:chgData name="Michelle Gallace" userId="6890fe1d-fae7-4c95-8977-faa318922140" providerId="ADAL" clId="{B045083B-15C0-4F0B-AA82-FBD27338DEAD}" dt="2023-09-24T12:45:49.757" v="9017" actId="255"/>
          <ac:spMkLst>
            <pc:docMk/>
            <pc:sldMk cId="3038520300" sldId="4225"/>
            <ac:spMk id="3" creationId="{9AA1302B-F849-1B61-1FE1-C9F2AEC4EFA2}"/>
          </ac:spMkLst>
        </pc:spChg>
        <pc:spChg chg="add mod">
          <ac:chgData name="Michelle Gallace" userId="6890fe1d-fae7-4c95-8977-faa318922140" providerId="ADAL" clId="{B045083B-15C0-4F0B-AA82-FBD27338DEAD}" dt="2023-09-24T12:29:34.865" v="8766" actId="20577"/>
          <ac:spMkLst>
            <pc:docMk/>
            <pc:sldMk cId="3038520300" sldId="4225"/>
            <ac:spMk id="10" creationId="{25486BAC-AAF0-4096-0CB3-3D635A877370}"/>
          </ac:spMkLst>
        </pc:spChg>
        <pc:spChg chg="add del mod">
          <ac:chgData name="Michelle Gallace" userId="6890fe1d-fae7-4c95-8977-faa318922140" providerId="ADAL" clId="{B045083B-15C0-4F0B-AA82-FBD27338DEAD}" dt="2023-09-24T12:28:03.315" v="8542" actId="478"/>
          <ac:spMkLst>
            <pc:docMk/>
            <pc:sldMk cId="3038520300" sldId="4225"/>
            <ac:spMk id="21" creationId="{3B1080AB-2EC7-F6DD-12F9-DA58D41EF904}"/>
          </ac:spMkLst>
        </pc:spChg>
        <pc:spChg chg="add del">
          <ac:chgData name="Michelle Gallace" userId="6890fe1d-fae7-4c95-8977-faa318922140" providerId="ADAL" clId="{B045083B-15C0-4F0B-AA82-FBD27338DEAD}" dt="2023-09-24T12:28:19.892" v="8544" actId="22"/>
          <ac:spMkLst>
            <pc:docMk/>
            <pc:sldMk cId="3038520300" sldId="4225"/>
            <ac:spMk id="23" creationId="{1CF41167-D4AB-D36C-FD10-584F626EF5A1}"/>
          </ac:spMkLst>
        </pc:spChg>
        <pc:spChg chg="add mod">
          <ac:chgData name="Michelle Gallace" userId="6890fe1d-fae7-4c95-8977-faa318922140" providerId="ADAL" clId="{B045083B-15C0-4F0B-AA82-FBD27338DEAD}" dt="2023-09-24T12:33:50.981" v="8853" actId="114"/>
          <ac:spMkLst>
            <pc:docMk/>
            <pc:sldMk cId="3038520300" sldId="4225"/>
            <ac:spMk id="24" creationId="{77C335D0-AE89-62DF-74FB-1CD42FE2E32F}"/>
          </ac:spMkLst>
        </pc:spChg>
        <pc:grpChg chg="add del mod">
          <ac:chgData name="Michelle Gallace" userId="6890fe1d-fae7-4c95-8977-faa318922140" providerId="ADAL" clId="{B045083B-15C0-4F0B-AA82-FBD27338DEAD}" dt="2023-09-24T12:30:04.293" v="8815" actId="478"/>
          <ac:grpSpMkLst>
            <pc:docMk/>
            <pc:sldMk cId="3038520300" sldId="4225"/>
            <ac:grpSpMk id="7" creationId="{A3ED29CC-9CC1-8315-6A9D-500662915F89}"/>
          </ac:grpSpMkLst>
        </pc:grpChg>
        <pc:grpChg chg="add mod">
          <ac:chgData name="Michelle Gallace" userId="6890fe1d-fae7-4c95-8977-faa318922140" providerId="ADAL" clId="{B045083B-15C0-4F0B-AA82-FBD27338DEAD}" dt="2023-09-24T12:26:35.325" v="8514"/>
          <ac:grpSpMkLst>
            <pc:docMk/>
            <pc:sldMk cId="3038520300" sldId="4225"/>
            <ac:grpSpMk id="9" creationId="{7AA5DADD-9A26-C9F9-9491-624B0A2E4938}"/>
          </ac:grpSpMkLst>
        </pc:grpChg>
        <pc:grpChg chg="add mod">
          <ac:chgData name="Michelle Gallace" userId="6890fe1d-fae7-4c95-8977-faa318922140" providerId="ADAL" clId="{B045083B-15C0-4F0B-AA82-FBD27338DEAD}" dt="2023-09-24T12:26:35.325" v="8514"/>
          <ac:grpSpMkLst>
            <pc:docMk/>
            <pc:sldMk cId="3038520300" sldId="4225"/>
            <ac:grpSpMk id="11" creationId="{24D36B48-A623-C419-D31F-7B6DFD80BA80}"/>
          </ac:grpSpMkLst>
        </pc:grpChg>
        <pc:grpChg chg="add mod">
          <ac:chgData name="Michelle Gallace" userId="6890fe1d-fae7-4c95-8977-faa318922140" providerId="ADAL" clId="{B045083B-15C0-4F0B-AA82-FBD27338DEAD}" dt="2023-09-24T12:26:35.325" v="8514"/>
          <ac:grpSpMkLst>
            <pc:docMk/>
            <pc:sldMk cId="3038520300" sldId="4225"/>
            <ac:grpSpMk id="12" creationId="{849EB073-9A60-F1F5-8181-5C181A510F0E}"/>
          </ac:grpSpMkLst>
        </pc:grpChg>
        <pc:picChg chg="del mod">
          <ac:chgData name="Michelle Gallace" userId="6890fe1d-fae7-4c95-8977-faa318922140" providerId="ADAL" clId="{B045083B-15C0-4F0B-AA82-FBD27338DEAD}" dt="2023-09-24T12:26:18.996" v="8511" actId="478"/>
          <ac:picMkLst>
            <pc:docMk/>
            <pc:sldMk cId="3038520300" sldId="4225"/>
            <ac:picMk id="5" creationId="{DDA76A80-278E-6C74-A96D-60E2BC1908AE}"/>
          </ac:picMkLst>
        </pc:picChg>
        <pc:picChg chg="add del">
          <ac:chgData name="Michelle Gallace" userId="6890fe1d-fae7-4c95-8977-faa318922140" providerId="ADAL" clId="{B045083B-15C0-4F0B-AA82-FBD27338DEAD}" dt="2023-09-24T12:26:21.569" v="8513" actId="22"/>
          <ac:picMkLst>
            <pc:docMk/>
            <pc:sldMk cId="3038520300" sldId="4225"/>
            <ac:picMk id="6" creationId="{B267E95B-E5E6-C890-CA51-86EC4F0B3FA4}"/>
          </ac:picMkLst>
        </pc:picChg>
        <pc:picChg chg="add mod">
          <ac:chgData name="Michelle Gallace" userId="6890fe1d-fae7-4c95-8977-faa318922140" providerId="ADAL" clId="{B045083B-15C0-4F0B-AA82-FBD27338DEAD}" dt="2023-09-24T12:26:35.325" v="8514"/>
          <ac:picMkLst>
            <pc:docMk/>
            <pc:sldMk cId="3038520300" sldId="4225"/>
            <ac:picMk id="8" creationId="{DDA76A80-278E-6C74-A96D-60E2BC1908AE}"/>
          </ac:picMkLst>
        </pc:picChg>
        <pc:picChg chg="add mod">
          <ac:chgData name="Michelle Gallace" userId="6890fe1d-fae7-4c95-8977-faa318922140" providerId="ADAL" clId="{B045083B-15C0-4F0B-AA82-FBD27338DEAD}" dt="2023-09-24T12:34:26.539" v="8856" actId="208"/>
          <ac:picMkLst>
            <pc:docMk/>
            <pc:sldMk cId="3038520300" sldId="4225"/>
            <ac:picMk id="25" creationId="{CC54E40B-C109-3A88-A57D-11796A50C674}"/>
          </ac:picMkLst>
        </pc:picChg>
        <pc:cxnChg chg="add mod">
          <ac:chgData name="Michelle Gallace" userId="6890fe1d-fae7-4c95-8977-faa318922140" providerId="ADAL" clId="{B045083B-15C0-4F0B-AA82-FBD27338DEAD}" dt="2023-09-24T12:26:35.325" v="8514"/>
          <ac:cxnSpMkLst>
            <pc:docMk/>
            <pc:sldMk cId="3038520300" sldId="4225"/>
            <ac:cxnSpMk id="13" creationId="{CD737ACA-5108-CD8D-4793-3F9C13FA25DD}"/>
          </ac:cxnSpMkLst>
        </pc:cxnChg>
        <pc:cxnChg chg="add mod">
          <ac:chgData name="Michelle Gallace" userId="6890fe1d-fae7-4c95-8977-faa318922140" providerId="ADAL" clId="{B045083B-15C0-4F0B-AA82-FBD27338DEAD}" dt="2023-09-24T12:27:36.683" v="8536" actId="14100"/>
          <ac:cxnSpMkLst>
            <pc:docMk/>
            <pc:sldMk cId="3038520300" sldId="4225"/>
            <ac:cxnSpMk id="14" creationId="{4FDAE6B3-0724-C683-2C2A-09322BA9A9AE}"/>
          </ac:cxnSpMkLst>
        </pc:cxnChg>
        <pc:cxnChg chg="add mod">
          <ac:chgData name="Michelle Gallace" userId="6890fe1d-fae7-4c95-8977-faa318922140" providerId="ADAL" clId="{B045083B-15C0-4F0B-AA82-FBD27338DEAD}" dt="2023-09-24T12:26:35.325" v="8514"/>
          <ac:cxnSpMkLst>
            <pc:docMk/>
            <pc:sldMk cId="3038520300" sldId="4225"/>
            <ac:cxnSpMk id="15" creationId="{936E26F0-B266-BF34-779B-8C562ED327ED}"/>
          </ac:cxnSpMkLst>
        </pc:cxnChg>
        <pc:cxnChg chg="add mod">
          <ac:chgData name="Michelle Gallace" userId="6890fe1d-fae7-4c95-8977-faa318922140" providerId="ADAL" clId="{B045083B-15C0-4F0B-AA82-FBD27338DEAD}" dt="2023-09-24T12:26:35.325" v="8514"/>
          <ac:cxnSpMkLst>
            <pc:docMk/>
            <pc:sldMk cId="3038520300" sldId="4225"/>
            <ac:cxnSpMk id="16" creationId="{94232353-CDAC-6240-FA78-B2D14F132B0E}"/>
          </ac:cxnSpMkLst>
        </pc:cxnChg>
        <pc:cxnChg chg="add mod">
          <ac:chgData name="Michelle Gallace" userId="6890fe1d-fae7-4c95-8977-faa318922140" providerId="ADAL" clId="{B045083B-15C0-4F0B-AA82-FBD27338DEAD}" dt="2023-09-24T12:26:35.325" v="8514"/>
          <ac:cxnSpMkLst>
            <pc:docMk/>
            <pc:sldMk cId="3038520300" sldId="4225"/>
            <ac:cxnSpMk id="17" creationId="{F6C93392-919A-B09A-2E39-F381EEA23678}"/>
          </ac:cxnSpMkLst>
        </pc:cxnChg>
        <pc:cxnChg chg="add mod">
          <ac:chgData name="Michelle Gallace" userId="6890fe1d-fae7-4c95-8977-faa318922140" providerId="ADAL" clId="{B045083B-15C0-4F0B-AA82-FBD27338DEAD}" dt="2023-09-24T12:26:35.325" v="8514"/>
          <ac:cxnSpMkLst>
            <pc:docMk/>
            <pc:sldMk cId="3038520300" sldId="4225"/>
            <ac:cxnSpMk id="18" creationId="{1838D158-AF25-0364-7D3D-D043F1CE7C06}"/>
          </ac:cxnSpMkLst>
        </pc:cxnChg>
      </pc:sldChg>
      <pc:sldChg chg="addSp delSp modSp mod modTransition modNotesTx">
        <pc:chgData name="Michelle Gallace" userId="6890fe1d-fae7-4c95-8977-faa318922140" providerId="ADAL" clId="{B045083B-15C0-4F0B-AA82-FBD27338DEAD}" dt="2023-09-24T10:18:09.621" v="8497" actId="1035"/>
        <pc:sldMkLst>
          <pc:docMk/>
          <pc:sldMk cId="50558018" sldId="4226"/>
        </pc:sldMkLst>
        <pc:spChg chg="del">
          <ac:chgData name="Michelle Gallace" userId="6890fe1d-fae7-4c95-8977-faa318922140" providerId="ADAL" clId="{B045083B-15C0-4F0B-AA82-FBD27338DEAD}" dt="2023-09-22T02:39:40.659" v="3667" actId="478"/>
          <ac:spMkLst>
            <pc:docMk/>
            <pc:sldMk cId="50558018" sldId="4226"/>
            <ac:spMk id="2" creationId="{E6D1D802-4810-77AF-24BD-3ABDB074C183}"/>
          </ac:spMkLst>
        </pc:spChg>
        <pc:spChg chg="del mod">
          <ac:chgData name="Michelle Gallace" userId="6890fe1d-fae7-4c95-8977-faa318922140" providerId="ADAL" clId="{B045083B-15C0-4F0B-AA82-FBD27338DEAD}" dt="2023-09-22T02:42:50.646" v="3712" actId="478"/>
          <ac:spMkLst>
            <pc:docMk/>
            <pc:sldMk cId="50558018" sldId="4226"/>
            <ac:spMk id="6" creationId="{548B4554-4133-E531-0960-F4A7608A7C96}"/>
          </ac:spMkLst>
        </pc:spChg>
        <pc:spChg chg="mod">
          <ac:chgData name="Michelle Gallace" userId="6890fe1d-fae7-4c95-8977-faa318922140" providerId="ADAL" clId="{B045083B-15C0-4F0B-AA82-FBD27338DEAD}" dt="2023-09-24T10:18:09.621" v="8497" actId="1035"/>
          <ac:spMkLst>
            <pc:docMk/>
            <pc:sldMk cId="50558018" sldId="4226"/>
            <ac:spMk id="17" creationId="{5E38D53C-75AC-B1C8-4CD0-CA254DDF54F3}"/>
          </ac:spMkLst>
        </pc:spChg>
        <pc:spChg chg="mod">
          <ac:chgData name="Michelle Gallace" userId="6890fe1d-fae7-4c95-8977-faa318922140" providerId="ADAL" clId="{B045083B-15C0-4F0B-AA82-FBD27338DEAD}" dt="2023-09-22T03:21:55.066" v="5248" actId="20577"/>
          <ac:spMkLst>
            <pc:docMk/>
            <pc:sldMk cId="50558018" sldId="4226"/>
            <ac:spMk id="18" creationId="{468FF6F5-8A75-41AE-0BDF-B970FEB1D694}"/>
          </ac:spMkLst>
        </pc:spChg>
        <pc:spChg chg="del">
          <ac:chgData name="Michelle Gallace" userId="6890fe1d-fae7-4c95-8977-faa318922140" providerId="ADAL" clId="{B045083B-15C0-4F0B-AA82-FBD27338DEAD}" dt="2023-09-22T02:31:45.705" v="3575" actId="478"/>
          <ac:spMkLst>
            <pc:docMk/>
            <pc:sldMk cId="50558018" sldId="4226"/>
            <ac:spMk id="21" creationId="{7A5D1807-FC02-BCAD-CD07-3DAA5303350C}"/>
          </ac:spMkLst>
        </pc:spChg>
        <pc:spChg chg="del mod">
          <ac:chgData name="Michelle Gallace" userId="6890fe1d-fae7-4c95-8977-faa318922140" providerId="ADAL" clId="{B045083B-15C0-4F0B-AA82-FBD27338DEAD}" dt="2023-09-22T02:31:51.964" v="3578" actId="478"/>
          <ac:spMkLst>
            <pc:docMk/>
            <pc:sldMk cId="50558018" sldId="4226"/>
            <ac:spMk id="22" creationId="{E69B059B-9878-C842-0187-C9D5270EE6AD}"/>
          </ac:spMkLst>
        </pc:spChg>
        <pc:spChg chg="mod topLvl">
          <ac:chgData name="Michelle Gallace" userId="6890fe1d-fae7-4c95-8977-faa318922140" providerId="ADAL" clId="{B045083B-15C0-4F0B-AA82-FBD27338DEAD}" dt="2023-09-22T02:57:41.490" v="4121" actId="20577"/>
          <ac:spMkLst>
            <pc:docMk/>
            <pc:sldMk cId="50558018" sldId="4226"/>
            <ac:spMk id="23" creationId="{2741B097-F37F-FC97-EDAA-7A7B9BB0E45A}"/>
          </ac:spMkLst>
        </pc:spChg>
        <pc:spChg chg="mod topLvl">
          <ac:chgData name="Michelle Gallace" userId="6890fe1d-fae7-4c95-8977-faa318922140" providerId="ADAL" clId="{B045083B-15C0-4F0B-AA82-FBD27338DEAD}" dt="2023-09-22T02:55:27.505" v="4064" actId="1076"/>
          <ac:spMkLst>
            <pc:docMk/>
            <pc:sldMk cId="50558018" sldId="4226"/>
            <ac:spMk id="24" creationId="{A6981909-F728-F01D-F8A3-13463761F965}"/>
          </ac:spMkLst>
        </pc:spChg>
        <pc:spChg chg="del mod topLvl">
          <ac:chgData name="Michelle Gallace" userId="6890fe1d-fae7-4c95-8977-faa318922140" providerId="ADAL" clId="{B045083B-15C0-4F0B-AA82-FBD27338DEAD}" dt="2023-09-22T02:52:07.398" v="3992" actId="478"/>
          <ac:spMkLst>
            <pc:docMk/>
            <pc:sldMk cId="50558018" sldId="4226"/>
            <ac:spMk id="27" creationId="{E5777100-E543-0C27-F7BE-165CA6DF3425}"/>
          </ac:spMkLst>
        </pc:spChg>
        <pc:spChg chg="add mod">
          <ac:chgData name="Michelle Gallace" userId="6890fe1d-fae7-4c95-8977-faa318922140" providerId="ADAL" clId="{B045083B-15C0-4F0B-AA82-FBD27338DEAD}" dt="2023-09-22T02:57:21.151" v="4115" actId="20577"/>
          <ac:spMkLst>
            <pc:docMk/>
            <pc:sldMk cId="50558018" sldId="4226"/>
            <ac:spMk id="29" creationId="{EF68EFF0-5A0D-562F-8FA1-1DE38097B211}"/>
          </ac:spMkLst>
        </pc:spChg>
        <pc:spChg chg="del mod topLvl">
          <ac:chgData name="Michelle Gallace" userId="6890fe1d-fae7-4c95-8977-faa318922140" providerId="ADAL" clId="{B045083B-15C0-4F0B-AA82-FBD27338DEAD}" dt="2023-09-22T02:47:42.737" v="3800" actId="478"/>
          <ac:spMkLst>
            <pc:docMk/>
            <pc:sldMk cId="50558018" sldId="4226"/>
            <ac:spMk id="30" creationId="{CB845E3B-A961-2EFB-D7A1-DB4A388C7731}"/>
          </ac:spMkLst>
        </pc:spChg>
        <pc:spChg chg="mod">
          <ac:chgData name="Michelle Gallace" userId="6890fe1d-fae7-4c95-8977-faa318922140" providerId="ADAL" clId="{B045083B-15C0-4F0B-AA82-FBD27338DEAD}" dt="2023-09-22T02:32:01.675" v="3579" actId="165"/>
          <ac:spMkLst>
            <pc:docMk/>
            <pc:sldMk cId="50558018" sldId="4226"/>
            <ac:spMk id="31" creationId="{FD3F34E7-62A5-CEAE-05C3-A1B8EE4052DB}"/>
          </ac:spMkLst>
        </pc:spChg>
        <pc:spChg chg="del mod topLvl">
          <ac:chgData name="Michelle Gallace" userId="6890fe1d-fae7-4c95-8977-faa318922140" providerId="ADAL" clId="{B045083B-15C0-4F0B-AA82-FBD27338DEAD}" dt="2023-09-22T02:50:40.545" v="3976" actId="478"/>
          <ac:spMkLst>
            <pc:docMk/>
            <pc:sldMk cId="50558018" sldId="4226"/>
            <ac:spMk id="34" creationId="{DE210546-36FF-0576-C6B3-4274077237A8}"/>
          </ac:spMkLst>
        </pc:spChg>
        <pc:spChg chg="del mod">
          <ac:chgData name="Michelle Gallace" userId="6890fe1d-fae7-4c95-8977-faa318922140" providerId="ADAL" clId="{B045083B-15C0-4F0B-AA82-FBD27338DEAD}" dt="2023-09-22T02:39:37.626" v="3666" actId="478"/>
          <ac:spMkLst>
            <pc:docMk/>
            <pc:sldMk cId="50558018" sldId="4226"/>
            <ac:spMk id="36" creationId="{546BEBDB-E6F7-378D-B6FF-762D3EC90717}"/>
          </ac:spMkLst>
        </pc:spChg>
        <pc:spChg chg="add del">
          <ac:chgData name="Michelle Gallace" userId="6890fe1d-fae7-4c95-8977-faa318922140" providerId="ADAL" clId="{B045083B-15C0-4F0B-AA82-FBD27338DEAD}" dt="2023-09-22T12:08:27.719" v="5704" actId="22"/>
          <ac:spMkLst>
            <pc:docMk/>
            <pc:sldMk cId="50558018" sldId="4226"/>
            <ac:spMk id="37" creationId="{1048C05C-585C-2AFA-AD18-C31C383D823B}"/>
          </ac:spMkLst>
        </pc:spChg>
        <pc:spChg chg="add del">
          <ac:chgData name="Michelle Gallace" userId="6890fe1d-fae7-4c95-8977-faa318922140" providerId="ADAL" clId="{B045083B-15C0-4F0B-AA82-FBD27338DEAD}" dt="2023-09-22T12:08:34.966" v="5706" actId="22"/>
          <ac:spMkLst>
            <pc:docMk/>
            <pc:sldMk cId="50558018" sldId="4226"/>
            <ac:spMk id="40" creationId="{0432AB82-02CB-B67C-FD58-BC8AF86A5C39}"/>
          </ac:spMkLst>
        </pc:spChg>
        <pc:spChg chg="mod">
          <ac:chgData name="Michelle Gallace" userId="6890fe1d-fae7-4c95-8977-faa318922140" providerId="ADAL" clId="{B045083B-15C0-4F0B-AA82-FBD27338DEAD}" dt="2023-09-22T02:32:01.675" v="3579" actId="165"/>
          <ac:spMkLst>
            <pc:docMk/>
            <pc:sldMk cId="50558018" sldId="4226"/>
            <ac:spMk id="44" creationId="{6F01D337-C6F5-EB96-D79C-2E6219A91D82}"/>
          </ac:spMkLst>
        </pc:spChg>
        <pc:spChg chg="mod topLvl">
          <ac:chgData name="Michelle Gallace" userId="6890fe1d-fae7-4c95-8977-faa318922140" providerId="ADAL" clId="{B045083B-15C0-4F0B-AA82-FBD27338DEAD}" dt="2023-09-22T02:55:37.822" v="4067" actId="1076"/>
          <ac:spMkLst>
            <pc:docMk/>
            <pc:sldMk cId="50558018" sldId="4226"/>
            <ac:spMk id="56" creationId="{F188D333-4802-8086-1AB8-2552963FDC9B}"/>
          </ac:spMkLst>
        </pc:spChg>
        <pc:spChg chg="mod topLvl">
          <ac:chgData name="Michelle Gallace" userId="6890fe1d-fae7-4c95-8977-faa318922140" providerId="ADAL" clId="{B045083B-15C0-4F0B-AA82-FBD27338DEAD}" dt="2023-09-22T11:31:57.795" v="5691" actId="20577"/>
          <ac:spMkLst>
            <pc:docMk/>
            <pc:sldMk cId="50558018" sldId="4226"/>
            <ac:spMk id="58" creationId="{CC4B1A2A-E3ED-9CEB-A53A-38997C82667A}"/>
          </ac:spMkLst>
        </pc:spChg>
        <pc:spChg chg="mod topLvl">
          <ac:chgData name="Michelle Gallace" userId="6890fe1d-fae7-4c95-8977-faa318922140" providerId="ADAL" clId="{B045083B-15C0-4F0B-AA82-FBD27338DEAD}" dt="2023-09-22T02:56:36.380" v="4089" actId="1038"/>
          <ac:spMkLst>
            <pc:docMk/>
            <pc:sldMk cId="50558018" sldId="4226"/>
            <ac:spMk id="59" creationId="{5277C5A0-F5E3-6171-1A4F-F68A2E88CC69}"/>
          </ac:spMkLst>
        </pc:spChg>
        <pc:grpChg chg="del">
          <ac:chgData name="Michelle Gallace" userId="6890fe1d-fae7-4c95-8977-faa318922140" providerId="ADAL" clId="{B045083B-15C0-4F0B-AA82-FBD27338DEAD}" dt="2023-09-22T02:32:01.675" v="3579" actId="165"/>
          <ac:grpSpMkLst>
            <pc:docMk/>
            <pc:sldMk cId="50558018" sldId="4226"/>
            <ac:grpSpMk id="3" creationId="{80B3FC7F-97AD-5131-3C3D-B8446E1D7442}"/>
          </ac:grpSpMkLst>
        </pc:grpChg>
        <pc:grpChg chg="del mod topLvl">
          <ac:chgData name="Michelle Gallace" userId="6890fe1d-fae7-4c95-8977-faa318922140" providerId="ADAL" clId="{B045083B-15C0-4F0B-AA82-FBD27338DEAD}" dt="2023-09-22T02:32:17.136" v="3582" actId="165"/>
          <ac:grpSpMkLst>
            <pc:docMk/>
            <pc:sldMk cId="50558018" sldId="4226"/>
            <ac:grpSpMk id="25" creationId="{CB4EAD77-AB4F-1B34-4AB5-7F617E7C8A8E}"/>
          </ac:grpSpMkLst>
        </pc:grpChg>
        <pc:grpChg chg="del mod topLvl">
          <ac:chgData name="Michelle Gallace" userId="6890fe1d-fae7-4c95-8977-faa318922140" providerId="ADAL" clId="{B045083B-15C0-4F0B-AA82-FBD27338DEAD}" dt="2023-09-22T02:46:28.882" v="3762" actId="165"/>
          <ac:grpSpMkLst>
            <pc:docMk/>
            <pc:sldMk cId="50558018" sldId="4226"/>
            <ac:grpSpMk id="26" creationId="{A079A141-4D4B-5372-2BE1-A8A2A3BF44B4}"/>
          </ac:grpSpMkLst>
        </pc:grpChg>
        <pc:grpChg chg="del mod topLvl">
          <ac:chgData name="Michelle Gallace" userId="6890fe1d-fae7-4c95-8977-faa318922140" providerId="ADAL" clId="{B045083B-15C0-4F0B-AA82-FBD27338DEAD}" dt="2023-09-22T02:51:14.844" v="3980" actId="165"/>
          <ac:grpSpMkLst>
            <pc:docMk/>
            <pc:sldMk cId="50558018" sldId="4226"/>
            <ac:grpSpMk id="28" creationId="{DD69ABB9-9C72-5CF2-AB27-368B70E96B56}"/>
          </ac:grpSpMkLst>
        </pc:grpChg>
        <pc:grpChg chg="del mod topLvl">
          <ac:chgData name="Michelle Gallace" userId="6890fe1d-fae7-4c95-8977-faa318922140" providerId="ADAL" clId="{B045083B-15C0-4F0B-AA82-FBD27338DEAD}" dt="2023-09-22T02:40:28.088" v="3676" actId="478"/>
          <ac:grpSpMkLst>
            <pc:docMk/>
            <pc:sldMk cId="50558018" sldId="4226"/>
            <ac:grpSpMk id="32" creationId="{58A96652-8F43-6458-BE63-33EF266D32A5}"/>
          </ac:grpSpMkLst>
        </pc:grpChg>
        <pc:grpChg chg="del mod topLvl">
          <ac:chgData name="Michelle Gallace" userId="6890fe1d-fae7-4c95-8977-faa318922140" providerId="ADAL" clId="{B045083B-15C0-4F0B-AA82-FBD27338DEAD}" dt="2023-09-22T02:34:55.924" v="3622" actId="165"/>
          <ac:grpSpMkLst>
            <pc:docMk/>
            <pc:sldMk cId="50558018" sldId="4226"/>
            <ac:grpSpMk id="33" creationId="{D8458576-49F5-B86E-7937-189C7188F7DB}"/>
          </ac:grpSpMkLst>
        </pc:grpChg>
        <pc:grpChg chg="del mod topLvl">
          <ac:chgData name="Michelle Gallace" userId="6890fe1d-fae7-4c95-8977-faa318922140" providerId="ADAL" clId="{B045083B-15C0-4F0B-AA82-FBD27338DEAD}" dt="2023-09-22T02:48:47.913" v="3826" actId="478"/>
          <ac:grpSpMkLst>
            <pc:docMk/>
            <pc:sldMk cId="50558018" sldId="4226"/>
            <ac:grpSpMk id="38" creationId="{F59FECDF-B6FF-592E-61F8-8A94184CA988}"/>
          </ac:grpSpMkLst>
        </pc:grpChg>
        <pc:grpChg chg="del mod topLvl">
          <ac:chgData name="Michelle Gallace" userId="6890fe1d-fae7-4c95-8977-faa318922140" providerId="ADAL" clId="{B045083B-15C0-4F0B-AA82-FBD27338DEAD}" dt="2023-09-22T02:42:04.545" v="3706" actId="478"/>
          <ac:grpSpMkLst>
            <pc:docMk/>
            <pc:sldMk cId="50558018" sldId="4226"/>
            <ac:grpSpMk id="50" creationId="{569C4D7D-8D2F-27D1-DB6C-578AA8E8933E}"/>
          </ac:grpSpMkLst>
        </pc:grpChg>
        <pc:grpChg chg="del mod topLvl">
          <ac:chgData name="Michelle Gallace" userId="6890fe1d-fae7-4c95-8977-faa318922140" providerId="ADAL" clId="{B045083B-15C0-4F0B-AA82-FBD27338DEAD}" dt="2023-09-22T02:41:57.409" v="3705" actId="165"/>
          <ac:grpSpMkLst>
            <pc:docMk/>
            <pc:sldMk cId="50558018" sldId="4226"/>
            <ac:grpSpMk id="61" creationId="{9FF54908-32CA-3448-C6D3-ED4FE6BD0210}"/>
          </ac:grpSpMkLst>
        </pc:grpChg>
        <pc:grpChg chg="del mod topLvl">
          <ac:chgData name="Michelle Gallace" userId="6890fe1d-fae7-4c95-8977-faa318922140" providerId="ADAL" clId="{B045083B-15C0-4F0B-AA82-FBD27338DEAD}" dt="2023-09-22T02:54:17.569" v="4052" actId="165"/>
          <ac:grpSpMkLst>
            <pc:docMk/>
            <pc:sldMk cId="50558018" sldId="4226"/>
            <ac:grpSpMk id="62" creationId="{F38F574A-23D4-653B-D533-6CB1CEAE8002}"/>
          </ac:grpSpMkLst>
        </pc:grpChg>
        <pc:grpChg chg="del mod topLvl">
          <ac:chgData name="Michelle Gallace" userId="6890fe1d-fae7-4c95-8977-faa318922140" providerId="ADAL" clId="{B045083B-15C0-4F0B-AA82-FBD27338DEAD}" dt="2023-09-22T02:37:23.805" v="3644" actId="165"/>
          <ac:grpSpMkLst>
            <pc:docMk/>
            <pc:sldMk cId="50558018" sldId="4226"/>
            <ac:grpSpMk id="64" creationId="{E8F52063-9331-F135-4518-92E3E1553465}"/>
          </ac:grpSpMkLst>
        </pc:grpChg>
        <pc:picChg chg="add mod modCrop">
          <ac:chgData name="Michelle Gallace" userId="6890fe1d-fae7-4c95-8977-faa318922140" providerId="ADAL" clId="{B045083B-15C0-4F0B-AA82-FBD27338DEAD}" dt="2023-09-22T02:56:46.340" v="4113" actId="1038"/>
          <ac:picMkLst>
            <pc:docMk/>
            <pc:sldMk cId="50558018" sldId="4226"/>
            <ac:picMk id="4" creationId="{C5F2651C-2113-4F94-C8D5-0E626C53960E}"/>
          </ac:picMkLst>
        </pc:picChg>
        <pc:picChg chg="del">
          <ac:chgData name="Michelle Gallace" userId="6890fe1d-fae7-4c95-8977-faa318922140" providerId="ADAL" clId="{B045083B-15C0-4F0B-AA82-FBD27338DEAD}" dt="2023-09-22T02:31:41.441" v="3574" actId="478"/>
          <ac:picMkLst>
            <pc:docMk/>
            <pc:sldMk cId="50558018" sldId="4226"/>
            <ac:picMk id="5" creationId="{C993AE86-5FF4-83A3-8F95-989C92A3623E}"/>
          </ac:picMkLst>
        </pc:picChg>
        <pc:picChg chg="del">
          <ac:chgData name="Michelle Gallace" userId="6890fe1d-fae7-4c95-8977-faa318922140" providerId="ADAL" clId="{B045083B-15C0-4F0B-AA82-FBD27338DEAD}" dt="2023-09-22T02:31:48.012" v="3576" actId="478"/>
          <ac:picMkLst>
            <pc:docMk/>
            <pc:sldMk cId="50558018" sldId="4226"/>
            <ac:picMk id="7" creationId="{C509ACCF-46C2-80F0-4605-C46B8B01CFCF}"/>
          </ac:picMkLst>
        </pc:picChg>
        <pc:picChg chg="mod">
          <ac:chgData name="Michelle Gallace" userId="6890fe1d-fae7-4c95-8977-faa318922140" providerId="ADAL" clId="{B045083B-15C0-4F0B-AA82-FBD27338DEAD}" dt="2023-09-22T02:32:01.675" v="3579" actId="165"/>
          <ac:picMkLst>
            <pc:docMk/>
            <pc:sldMk cId="50558018" sldId="4226"/>
            <ac:picMk id="8" creationId="{893CA560-4DD4-8456-7B10-699FB9F17F78}"/>
          </ac:picMkLst>
        </pc:picChg>
        <pc:picChg chg="del mod topLvl">
          <ac:chgData name="Michelle Gallace" userId="6890fe1d-fae7-4c95-8977-faa318922140" providerId="ADAL" clId="{B045083B-15C0-4F0B-AA82-FBD27338DEAD}" dt="2023-09-22T02:48:47.913" v="3826" actId="478"/>
          <ac:picMkLst>
            <pc:docMk/>
            <pc:sldMk cId="50558018" sldId="4226"/>
            <ac:picMk id="9" creationId="{00867371-01C9-FEDF-560D-15886E01E7D5}"/>
          </ac:picMkLst>
        </pc:picChg>
        <pc:picChg chg="del mod topLvl modCrop">
          <ac:chgData name="Michelle Gallace" userId="6890fe1d-fae7-4c95-8977-faa318922140" providerId="ADAL" clId="{B045083B-15C0-4F0B-AA82-FBD27338DEAD}" dt="2023-09-22T02:52:05.473" v="3991" actId="478"/>
          <ac:picMkLst>
            <pc:docMk/>
            <pc:sldMk cId="50558018" sldId="4226"/>
            <ac:picMk id="10" creationId="{064CB30B-2D2B-BE76-916A-9C2CD3262B46}"/>
          </ac:picMkLst>
        </pc:picChg>
        <pc:picChg chg="mod topLvl modCrop">
          <ac:chgData name="Michelle Gallace" userId="6890fe1d-fae7-4c95-8977-faa318922140" providerId="ADAL" clId="{B045083B-15C0-4F0B-AA82-FBD27338DEAD}" dt="2023-09-22T02:56:36.380" v="4089" actId="1038"/>
          <ac:picMkLst>
            <pc:docMk/>
            <pc:sldMk cId="50558018" sldId="4226"/>
            <ac:picMk id="11" creationId="{9A6F7495-D18F-B1D8-3EB6-3F52BC66F7EC}"/>
          </ac:picMkLst>
        </pc:picChg>
        <pc:picChg chg="del mod topLvl modCrop">
          <ac:chgData name="Michelle Gallace" userId="6890fe1d-fae7-4c95-8977-faa318922140" providerId="ADAL" clId="{B045083B-15C0-4F0B-AA82-FBD27338DEAD}" dt="2023-09-22T02:47:44.040" v="3801" actId="478"/>
          <ac:picMkLst>
            <pc:docMk/>
            <pc:sldMk cId="50558018" sldId="4226"/>
            <ac:picMk id="12" creationId="{2BC558A0-451F-50BD-32AC-B09FA1BF3D1B}"/>
          </ac:picMkLst>
        </pc:picChg>
        <pc:picChg chg="mod topLvl modCrop">
          <ac:chgData name="Michelle Gallace" userId="6890fe1d-fae7-4c95-8977-faa318922140" providerId="ADAL" clId="{B045083B-15C0-4F0B-AA82-FBD27338DEAD}" dt="2023-09-22T02:55:56.243" v="4068" actId="1076"/>
          <ac:picMkLst>
            <pc:docMk/>
            <pc:sldMk cId="50558018" sldId="4226"/>
            <ac:picMk id="13" creationId="{38B521EE-C0E3-615D-0B68-E55BA68F32E6}"/>
          </ac:picMkLst>
        </pc:picChg>
        <pc:picChg chg="mod topLvl modCrop">
          <ac:chgData name="Michelle Gallace" userId="6890fe1d-fae7-4c95-8977-faa318922140" providerId="ADAL" clId="{B045083B-15C0-4F0B-AA82-FBD27338DEAD}" dt="2023-09-22T02:55:33.039" v="4066" actId="1076"/>
          <ac:picMkLst>
            <pc:docMk/>
            <pc:sldMk cId="50558018" sldId="4226"/>
            <ac:picMk id="14" creationId="{DFB2FC6E-BEF0-5C0F-8C61-67CCFACA853A}"/>
          </ac:picMkLst>
        </pc:picChg>
        <pc:picChg chg="mod topLvl modCrop">
          <ac:chgData name="Michelle Gallace" userId="6890fe1d-fae7-4c95-8977-faa318922140" providerId="ADAL" clId="{B045083B-15C0-4F0B-AA82-FBD27338DEAD}" dt="2023-09-22T02:56:11.004" v="4070" actId="14100"/>
          <ac:picMkLst>
            <pc:docMk/>
            <pc:sldMk cId="50558018" sldId="4226"/>
            <ac:picMk id="15" creationId="{76A435BA-8FF7-183A-E8A8-C180AF4E8F1C}"/>
          </ac:picMkLst>
        </pc:picChg>
        <pc:picChg chg="mod">
          <ac:chgData name="Michelle Gallace" userId="6890fe1d-fae7-4c95-8977-faa318922140" providerId="ADAL" clId="{B045083B-15C0-4F0B-AA82-FBD27338DEAD}" dt="2023-09-22T02:32:01.675" v="3579" actId="165"/>
          <ac:picMkLst>
            <pc:docMk/>
            <pc:sldMk cId="50558018" sldId="4226"/>
            <ac:picMk id="16" creationId="{C5F2651C-2113-4F94-C8D5-0E626C53960E}"/>
          </ac:picMkLst>
        </pc:picChg>
        <pc:picChg chg="mod topLvl modCrop">
          <ac:chgData name="Michelle Gallace" userId="6890fe1d-fae7-4c95-8977-faa318922140" providerId="ADAL" clId="{B045083B-15C0-4F0B-AA82-FBD27338DEAD}" dt="2023-09-22T02:39:18.336" v="3664" actId="1076"/>
          <ac:picMkLst>
            <pc:docMk/>
            <pc:sldMk cId="50558018" sldId="4226"/>
            <ac:picMk id="19" creationId="{32D554C5-9D1F-3B60-7CC2-FC1F7272192D}"/>
          </ac:picMkLst>
        </pc:picChg>
        <pc:picChg chg="add del mod">
          <ac:chgData name="Michelle Gallace" userId="6890fe1d-fae7-4c95-8977-faa318922140" providerId="ADAL" clId="{B045083B-15C0-4F0B-AA82-FBD27338DEAD}" dt="2023-09-22T02:49:31.364" v="3831" actId="478"/>
          <ac:picMkLst>
            <pc:docMk/>
            <pc:sldMk cId="50558018" sldId="4226"/>
            <ac:picMk id="20" creationId="{C5F2651C-2113-4F94-C8D5-0E626C53960E}"/>
          </ac:picMkLst>
        </pc:picChg>
      </pc:sldChg>
      <pc:sldChg chg="addSp delSp modSp mod modTransition modNotes modNotesTx">
        <pc:chgData name="Michelle Gallace" userId="6890fe1d-fae7-4c95-8977-faa318922140" providerId="ADAL" clId="{B045083B-15C0-4F0B-AA82-FBD27338DEAD}" dt="2023-09-25T02:12:03.850" v="9018"/>
        <pc:sldMkLst>
          <pc:docMk/>
          <pc:sldMk cId="1995678729" sldId="4227"/>
        </pc:sldMkLst>
        <pc:spChg chg="mod">
          <ac:chgData name="Michelle Gallace" userId="6890fe1d-fae7-4c95-8977-faa318922140" providerId="ADAL" clId="{B045083B-15C0-4F0B-AA82-FBD27338DEAD}" dt="2023-09-22T03:28:43.689" v="5606" actId="1076"/>
          <ac:spMkLst>
            <pc:docMk/>
            <pc:sldMk cId="1995678729" sldId="4227"/>
            <ac:spMk id="3" creationId="{9AA1302B-F849-1B61-1FE1-C9F2AEC4EFA2}"/>
          </ac:spMkLst>
        </pc:spChg>
        <pc:spChg chg="mod">
          <ac:chgData name="Michelle Gallace" userId="6890fe1d-fae7-4c95-8977-faa318922140" providerId="ADAL" clId="{B045083B-15C0-4F0B-AA82-FBD27338DEAD}" dt="2023-09-22T03:09:00.613" v="4209" actId="20577"/>
          <ac:spMkLst>
            <pc:docMk/>
            <pc:sldMk cId="1995678729" sldId="4227"/>
            <ac:spMk id="4" creationId="{99EB0E17-BB44-B056-0265-BB93B2FE65C1}"/>
          </ac:spMkLst>
        </pc:spChg>
        <pc:spChg chg="mod">
          <ac:chgData name="Michelle Gallace" userId="6890fe1d-fae7-4c95-8977-faa318922140" providerId="ADAL" clId="{B045083B-15C0-4F0B-AA82-FBD27338DEAD}" dt="2023-09-22T03:27:11.235" v="5474" actId="478"/>
          <ac:spMkLst>
            <pc:docMk/>
            <pc:sldMk cId="1995678729" sldId="4227"/>
            <ac:spMk id="8" creationId="{7C0424BB-E244-EF7E-AD31-00B740B78233}"/>
          </ac:spMkLst>
        </pc:spChg>
        <pc:spChg chg="mod">
          <ac:chgData name="Michelle Gallace" userId="6890fe1d-fae7-4c95-8977-faa318922140" providerId="ADAL" clId="{B045083B-15C0-4F0B-AA82-FBD27338DEAD}" dt="2023-09-22T03:27:14.989" v="5479" actId="20577"/>
          <ac:spMkLst>
            <pc:docMk/>
            <pc:sldMk cId="1995678729" sldId="4227"/>
            <ac:spMk id="9" creationId="{47A1A3BE-CA14-9C48-F097-CA49F063CEA4}"/>
          </ac:spMkLst>
        </pc:spChg>
        <pc:spChg chg="add del mod">
          <ac:chgData name="Michelle Gallace" userId="6890fe1d-fae7-4c95-8977-faa318922140" providerId="ADAL" clId="{B045083B-15C0-4F0B-AA82-FBD27338DEAD}" dt="2023-09-22T03:27:11.235" v="5474" actId="478"/>
          <ac:spMkLst>
            <pc:docMk/>
            <pc:sldMk cId="1995678729" sldId="4227"/>
            <ac:spMk id="10" creationId="{29560963-0920-3469-CF34-AFC9B117F0C1}"/>
          </ac:spMkLst>
        </pc:spChg>
        <pc:spChg chg="mod">
          <ac:chgData name="Michelle Gallace" userId="6890fe1d-fae7-4c95-8977-faa318922140" providerId="ADAL" clId="{B045083B-15C0-4F0B-AA82-FBD27338DEAD}" dt="2023-09-22T03:27:11.235" v="5474" actId="478"/>
          <ac:spMkLst>
            <pc:docMk/>
            <pc:sldMk cId="1995678729" sldId="4227"/>
            <ac:spMk id="11" creationId="{751193AE-998E-AA73-D0C0-F9488FF3158F}"/>
          </ac:spMkLst>
        </pc:spChg>
        <pc:spChg chg="mod">
          <ac:chgData name="Michelle Gallace" userId="6890fe1d-fae7-4c95-8977-faa318922140" providerId="ADAL" clId="{B045083B-15C0-4F0B-AA82-FBD27338DEAD}" dt="2023-09-22T03:27:11.235" v="5474" actId="478"/>
          <ac:spMkLst>
            <pc:docMk/>
            <pc:sldMk cId="1995678729" sldId="4227"/>
            <ac:spMk id="12" creationId="{034EF112-D797-9BAC-3CAF-A409925A1008}"/>
          </ac:spMkLst>
        </pc:spChg>
        <pc:spChg chg="mod">
          <ac:chgData name="Michelle Gallace" userId="6890fe1d-fae7-4c95-8977-faa318922140" providerId="ADAL" clId="{B045083B-15C0-4F0B-AA82-FBD27338DEAD}" dt="2023-09-22T03:27:11.235" v="5474" actId="478"/>
          <ac:spMkLst>
            <pc:docMk/>
            <pc:sldMk cId="1995678729" sldId="4227"/>
            <ac:spMk id="14" creationId="{458ABDD8-3C7B-393C-6091-A05F5D4FE02A}"/>
          </ac:spMkLst>
        </pc:spChg>
        <pc:spChg chg="mod">
          <ac:chgData name="Michelle Gallace" userId="6890fe1d-fae7-4c95-8977-faa318922140" providerId="ADAL" clId="{B045083B-15C0-4F0B-AA82-FBD27338DEAD}" dt="2023-09-22T03:27:12.014" v="5478" actId="20577"/>
          <ac:spMkLst>
            <pc:docMk/>
            <pc:sldMk cId="1995678729" sldId="4227"/>
            <ac:spMk id="15" creationId="{3441FD33-0E54-9374-E417-45A5B48CA0FC}"/>
          </ac:spMkLst>
        </pc:spChg>
        <pc:spChg chg="add del">
          <ac:chgData name="Michelle Gallace" userId="6890fe1d-fae7-4c95-8977-faa318922140" providerId="ADAL" clId="{B045083B-15C0-4F0B-AA82-FBD27338DEAD}" dt="2023-09-22T03:26:44.546" v="5451" actId="11529"/>
          <ac:spMkLst>
            <pc:docMk/>
            <pc:sldMk cId="1995678729" sldId="4227"/>
            <ac:spMk id="17" creationId="{1BE84C86-176B-2CD6-6593-75BE09A41979}"/>
          </ac:spMkLst>
        </pc:spChg>
        <pc:spChg chg="add del mod">
          <ac:chgData name="Michelle Gallace" userId="6890fe1d-fae7-4c95-8977-faa318922140" providerId="ADAL" clId="{B045083B-15C0-4F0B-AA82-FBD27338DEAD}" dt="2023-09-22T03:27:31.172" v="5482" actId="1076"/>
          <ac:spMkLst>
            <pc:docMk/>
            <pc:sldMk cId="1995678729" sldId="4227"/>
            <ac:spMk id="282" creationId="{00000000-0000-0000-0000-000000000000}"/>
          </ac:spMkLst>
        </pc:spChg>
        <pc:grpChg chg="add del mod">
          <ac:chgData name="Michelle Gallace" userId="6890fe1d-fae7-4c95-8977-faa318922140" providerId="ADAL" clId="{B045083B-15C0-4F0B-AA82-FBD27338DEAD}" dt="2023-09-22T03:27:18.282" v="5481" actId="478"/>
          <ac:grpSpMkLst>
            <pc:docMk/>
            <pc:sldMk cId="1995678729" sldId="4227"/>
            <ac:grpSpMk id="2" creationId="{FE8C7DA7-9985-7778-8619-6C5E6957DC60}"/>
          </ac:grpSpMkLst>
        </pc:grpChg>
        <pc:grpChg chg="mod">
          <ac:chgData name="Michelle Gallace" userId="6890fe1d-fae7-4c95-8977-faa318922140" providerId="ADAL" clId="{B045083B-15C0-4F0B-AA82-FBD27338DEAD}" dt="2023-09-22T03:27:11.235" v="5474" actId="478"/>
          <ac:grpSpMkLst>
            <pc:docMk/>
            <pc:sldMk cId="1995678729" sldId="4227"/>
            <ac:grpSpMk id="5" creationId="{36487029-FBE2-D69E-593B-B8E28F5DCD03}"/>
          </ac:grpSpMkLst>
        </pc:grpChg>
        <pc:grpChg chg="mod">
          <ac:chgData name="Michelle Gallace" userId="6890fe1d-fae7-4c95-8977-faa318922140" providerId="ADAL" clId="{B045083B-15C0-4F0B-AA82-FBD27338DEAD}" dt="2023-09-22T03:27:11.235" v="5474" actId="478"/>
          <ac:grpSpMkLst>
            <pc:docMk/>
            <pc:sldMk cId="1995678729" sldId="4227"/>
            <ac:grpSpMk id="6" creationId="{4D12F3F5-AB97-20BA-082C-3AFDA4BFA5C9}"/>
          </ac:grpSpMkLst>
        </pc:grpChg>
        <pc:grpChg chg="mod">
          <ac:chgData name="Michelle Gallace" userId="6890fe1d-fae7-4c95-8977-faa318922140" providerId="ADAL" clId="{B045083B-15C0-4F0B-AA82-FBD27338DEAD}" dt="2023-09-22T03:27:11.235" v="5474" actId="478"/>
          <ac:grpSpMkLst>
            <pc:docMk/>
            <pc:sldMk cId="1995678729" sldId="4227"/>
            <ac:grpSpMk id="7" creationId="{905B721C-A692-3D01-A34B-0E579C14D0EC}"/>
          </ac:grpSpMkLst>
        </pc:grpChg>
        <pc:picChg chg="add del mod">
          <ac:chgData name="Michelle Gallace" userId="6890fe1d-fae7-4c95-8977-faa318922140" providerId="ADAL" clId="{B045083B-15C0-4F0B-AA82-FBD27338DEAD}" dt="2023-09-22T03:27:11.235" v="5474" actId="478"/>
          <ac:picMkLst>
            <pc:docMk/>
            <pc:sldMk cId="1995678729" sldId="4227"/>
            <ac:picMk id="13" creationId="{FB4F17E8-F926-BCA6-8241-7E5271D13A9A}"/>
          </ac:picMkLst>
        </pc:picChg>
        <pc:picChg chg="add del mod">
          <ac:chgData name="Michelle Gallace" userId="6890fe1d-fae7-4c95-8977-faa318922140" providerId="ADAL" clId="{B045083B-15C0-4F0B-AA82-FBD27338DEAD}" dt="2023-09-22T03:27:11.235" v="5474" actId="478"/>
          <ac:picMkLst>
            <pc:docMk/>
            <pc:sldMk cId="1995678729" sldId="4227"/>
            <ac:picMk id="16" creationId="{66CF881F-19FA-D3FF-31D8-8C8516D111C4}"/>
          </ac:picMkLst>
        </pc:picChg>
      </pc:sldChg>
      <pc:sldChg chg="addSp delSp modSp new mod ord modTransition">
        <pc:chgData name="Michelle Gallace" userId="6890fe1d-fae7-4c95-8977-faa318922140" providerId="ADAL" clId="{B045083B-15C0-4F0B-AA82-FBD27338DEAD}" dt="2023-09-24T09:50:48.892" v="8492" actId="1076"/>
        <pc:sldMkLst>
          <pc:docMk/>
          <pc:sldMk cId="837455241" sldId="4228"/>
        </pc:sldMkLst>
        <pc:spChg chg="add mod">
          <ac:chgData name="Michelle Gallace" userId="6890fe1d-fae7-4c95-8977-faa318922140" providerId="ADAL" clId="{B045083B-15C0-4F0B-AA82-FBD27338DEAD}" dt="2023-09-22T09:44:17.681" v="5624"/>
          <ac:spMkLst>
            <pc:docMk/>
            <pc:sldMk cId="837455241" sldId="4228"/>
            <ac:spMk id="4" creationId="{76A6F957-91FC-4284-23D0-90FFB6989AB7}"/>
          </ac:spMkLst>
        </pc:spChg>
        <pc:spChg chg="add mod">
          <ac:chgData name="Michelle Gallace" userId="6890fe1d-fae7-4c95-8977-faa318922140" providerId="ADAL" clId="{B045083B-15C0-4F0B-AA82-FBD27338DEAD}" dt="2023-09-22T09:44:37.953" v="5667" actId="20577"/>
          <ac:spMkLst>
            <pc:docMk/>
            <pc:sldMk cId="837455241" sldId="4228"/>
            <ac:spMk id="5" creationId="{CAFF1EDB-9403-7589-E102-A11705FC4D22}"/>
          </ac:spMkLst>
        </pc:spChg>
        <pc:picChg chg="add del mod modCrop">
          <ac:chgData name="Michelle Gallace" userId="6890fe1d-fae7-4c95-8977-faa318922140" providerId="ADAL" clId="{B045083B-15C0-4F0B-AA82-FBD27338DEAD}" dt="2023-09-24T09:49:15.153" v="8481" actId="478"/>
          <ac:picMkLst>
            <pc:docMk/>
            <pc:sldMk cId="837455241" sldId="4228"/>
            <ac:picMk id="3" creationId="{C9EAA3A9-9C50-767B-1D26-FB31616F8BD4}"/>
          </ac:picMkLst>
        </pc:picChg>
        <pc:picChg chg="add mod modCrop">
          <ac:chgData name="Michelle Gallace" userId="6890fe1d-fae7-4c95-8977-faa318922140" providerId="ADAL" clId="{B045083B-15C0-4F0B-AA82-FBD27338DEAD}" dt="2023-09-24T09:50:48.892" v="8492" actId="1076"/>
          <ac:picMkLst>
            <pc:docMk/>
            <pc:sldMk cId="837455241" sldId="4228"/>
            <ac:picMk id="6" creationId="{7CC26F44-7E4E-C5D1-6545-8FBAFD375932}"/>
          </ac:picMkLst>
        </pc:picChg>
      </pc:sldChg>
      <pc:sldChg chg="delSp del mod">
        <pc:chgData name="Michelle Gallace" userId="6890fe1d-fae7-4c95-8977-faa318922140" providerId="ADAL" clId="{B045083B-15C0-4F0B-AA82-FBD27338DEAD}" dt="2023-09-22T03:20:37.353" v="5176" actId="2696"/>
        <pc:sldMkLst>
          <pc:docMk/>
          <pc:sldMk cId="4273170709" sldId="4228"/>
        </pc:sldMkLst>
        <pc:spChg chg="del">
          <ac:chgData name="Michelle Gallace" userId="6890fe1d-fae7-4c95-8977-faa318922140" providerId="ADAL" clId="{B045083B-15C0-4F0B-AA82-FBD27338DEAD}" dt="2023-09-22T03:20:02.330" v="5175" actId="478"/>
          <ac:spMkLst>
            <pc:docMk/>
            <pc:sldMk cId="4273170709" sldId="4228"/>
            <ac:spMk id="11" creationId="{88D876D0-5D41-D7FB-89FA-344BCC4FCCC4}"/>
          </ac:spMkLst>
        </pc:spChg>
        <pc:picChg chg="del">
          <ac:chgData name="Michelle Gallace" userId="6890fe1d-fae7-4c95-8977-faa318922140" providerId="ADAL" clId="{B045083B-15C0-4F0B-AA82-FBD27338DEAD}" dt="2023-09-22T03:19:58.512" v="5174" actId="478"/>
          <ac:picMkLst>
            <pc:docMk/>
            <pc:sldMk cId="4273170709" sldId="4228"/>
            <ac:picMk id="9" creationId="{09FB3B1D-A008-E05C-7050-75FD3FC1FACB}"/>
          </ac:picMkLst>
        </pc:picChg>
      </pc:sldChg>
      <pc:sldChg chg="addSp delSp modSp add mod">
        <pc:chgData name="Michelle Gallace" userId="6890fe1d-fae7-4c95-8977-faa318922140" providerId="ADAL" clId="{B045083B-15C0-4F0B-AA82-FBD27338DEAD}" dt="2023-09-24T10:18:12.600" v="8499" actId="1035"/>
        <pc:sldMkLst>
          <pc:docMk/>
          <pc:sldMk cId="649604289" sldId="4229"/>
        </pc:sldMkLst>
        <pc:spChg chg="add del">
          <ac:chgData name="Michelle Gallace" userId="6890fe1d-fae7-4c95-8977-faa318922140" providerId="ADAL" clId="{B045083B-15C0-4F0B-AA82-FBD27338DEAD}" dt="2023-09-24T08:18:58.041" v="7212" actId="478"/>
          <ac:spMkLst>
            <pc:docMk/>
            <pc:sldMk cId="649604289" sldId="4229"/>
            <ac:spMk id="5" creationId="{F08585F0-84BC-4228-8BDE-82B3659B5711}"/>
          </ac:spMkLst>
        </pc:spChg>
        <pc:spChg chg="add mod">
          <ac:chgData name="Michelle Gallace" userId="6890fe1d-fae7-4c95-8977-faa318922140" providerId="ADAL" clId="{B045083B-15C0-4F0B-AA82-FBD27338DEAD}" dt="2023-09-24T08:34:23.545" v="8352" actId="20577"/>
          <ac:spMkLst>
            <pc:docMk/>
            <pc:sldMk cId="649604289" sldId="4229"/>
            <ac:spMk id="6" creationId="{59B95A6C-5287-704F-932B-7151C79EC9F1}"/>
          </ac:spMkLst>
        </pc:spChg>
        <pc:spChg chg="add mod">
          <ac:chgData name="Michelle Gallace" userId="6890fe1d-fae7-4c95-8977-faa318922140" providerId="ADAL" clId="{B045083B-15C0-4F0B-AA82-FBD27338DEAD}" dt="2023-09-24T08:31:06.171" v="8003" actId="1076"/>
          <ac:spMkLst>
            <pc:docMk/>
            <pc:sldMk cId="649604289" sldId="4229"/>
            <ac:spMk id="7" creationId="{FFC0ACC4-D3E8-C890-F964-03F056A3BA0C}"/>
          </ac:spMkLst>
        </pc:spChg>
        <pc:spChg chg="add del mod">
          <ac:chgData name="Michelle Gallace" userId="6890fe1d-fae7-4c95-8977-faa318922140" providerId="ADAL" clId="{B045083B-15C0-4F0B-AA82-FBD27338DEAD}" dt="2023-09-24T08:22:34.929" v="7643" actId="478"/>
          <ac:spMkLst>
            <pc:docMk/>
            <pc:sldMk cId="649604289" sldId="4229"/>
            <ac:spMk id="9" creationId="{F05B899A-1AAF-C156-55D3-3782DC66D31C}"/>
          </ac:spMkLst>
        </pc:spChg>
        <pc:spChg chg="mod">
          <ac:chgData name="Michelle Gallace" userId="6890fe1d-fae7-4c95-8977-faa318922140" providerId="ADAL" clId="{B045083B-15C0-4F0B-AA82-FBD27338DEAD}" dt="2023-09-24T10:18:12.600" v="8499" actId="1035"/>
          <ac:spMkLst>
            <pc:docMk/>
            <pc:sldMk cId="649604289" sldId="4229"/>
            <ac:spMk id="17" creationId="{5E38D53C-75AC-B1C8-4CD0-CA254DDF54F3}"/>
          </ac:spMkLst>
        </pc:spChg>
        <pc:spChg chg="add del mod">
          <ac:chgData name="Michelle Gallace" userId="6890fe1d-fae7-4c95-8977-faa318922140" providerId="ADAL" clId="{B045083B-15C0-4F0B-AA82-FBD27338DEAD}" dt="2023-09-24T08:28:15.908" v="7969" actId="478"/>
          <ac:spMkLst>
            <pc:docMk/>
            <pc:sldMk cId="649604289" sldId="4229"/>
            <ac:spMk id="20" creationId="{C275E247-E8F1-FE19-F811-E6E4B2F88E24}"/>
          </ac:spMkLst>
        </pc:spChg>
        <pc:spChg chg="add mod">
          <ac:chgData name="Michelle Gallace" userId="6890fe1d-fae7-4c95-8977-faa318922140" providerId="ADAL" clId="{B045083B-15C0-4F0B-AA82-FBD27338DEAD}" dt="2023-09-24T08:33:31.172" v="8341" actId="1076"/>
          <ac:spMkLst>
            <pc:docMk/>
            <pc:sldMk cId="649604289" sldId="4229"/>
            <ac:spMk id="21" creationId="{C39D7678-BB20-DE9D-6FF4-04E4C312C5E1}"/>
          </ac:spMkLst>
        </pc:spChg>
        <pc:spChg chg="del mod">
          <ac:chgData name="Michelle Gallace" userId="6890fe1d-fae7-4c95-8977-faa318922140" providerId="ADAL" clId="{B045083B-15C0-4F0B-AA82-FBD27338DEAD}" dt="2023-09-24T08:15:29.848" v="6884" actId="478"/>
          <ac:spMkLst>
            <pc:docMk/>
            <pc:sldMk cId="649604289" sldId="4229"/>
            <ac:spMk id="23" creationId="{2741B097-F37F-FC97-EDAA-7A7B9BB0E45A}"/>
          </ac:spMkLst>
        </pc:spChg>
        <pc:spChg chg="del">
          <ac:chgData name="Michelle Gallace" userId="6890fe1d-fae7-4c95-8977-faa318922140" providerId="ADAL" clId="{B045083B-15C0-4F0B-AA82-FBD27338DEAD}" dt="2023-09-24T08:15:34.178" v="6886" actId="478"/>
          <ac:spMkLst>
            <pc:docMk/>
            <pc:sldMk cId="649604289" sldId="4229"/>
            <ac:spMk id="24" creationId="{A6981909-F728-F01D-F8A3-13463761F965}"/>
          </ac:spMkLst>
        </pc:spChg>
        <pc:spChg chg="add del mod">
          <ac:chgData name="Michelle Gallace" userId="6890fe1d-fae7-4c95-8977-faa318922140" providerId="ADAL" clId="{B045083B-15C0-4F0B-AA82-FBD27338DEAD}" dt="2023-09-24T08:33:22.320" v="8339" actId="478"/>
          <ac:spMkLst>
            <pc:docMk/>
            <pc:sldMk cId="649604289" sldId="4229"/>
            <ac:spMk id="25" creationId="{CFA70725-26B2-C9A7-886A-EEBB91F40252}"/>
          </ac:spMkLst>
        </pc:spChg>
        <pc:spChg chg="add mod">
          <ac:chgData name="Michelle Gallace" userId="6890fe1d-fae7-4c95-8977-faa318922140" providerId="ADAL" clId="{B045083B-15C0-4F0B-AA82-FBD27338DEAD}" dt="2023-09-24T08:33:41.701" v="8343" actId="1076"/>
          <ac:spMkLst>
            <pc:docMk/>
            <pc:sldMk cId="649604289" sldId="4229"/>
            <ac:spMk id="26" creationId="{45BA4A1C-AE69-46A2-3183-D1EC10418383}"/>
          </ac:spMkLst>
        </pc:spChg>
        <pc:spChg chg="del">
          <ac:chgData name="Michelle Gallace" userId="6890fe1d-fae7-4c95-8977-faa318922140" providerId="ADAL" clId="{B045083B-15C0-4F0B-AA82-FBD27338DEAD}" dt="2023-09-24T08:15:34.178" v="6886" actId="478"/>
          <ac:spMkLst>
            <pc:docMk/>
            <pc:sldMk cId="649604289" sldId="4229"/>
            <ac:spMk id="29" creationId="{EF68EFF0-5A0D-562F-8FA1-1DE38097B211}"/>
          </ac:spMkLst>
        </pc:spChg>
        <pc:spChg chg="del">
          <ac:chgData name="Michelle Gallace" userId="6890fe1d-fae7-4c95-8977-faa318922140" providerId="ADAL" clId="{B045083B-15C0-4F0B-AA82-FBD27338DEAD}" dt="2023-09-24T08:15:37.754" v="6888" actId="478"/>
          <ac:spMkLst>
            <pc:docMk/>
            <pc:sldMk cId="649604289" sldId="4229"/>
            <ac:spMk id="56" creationId="{F188D333-4802-8086-1AB8-2552963FDC9B}"/>
          </ac:spMkLst>
        </pc:spChg>
        <pc:spChg chg="del mod">
          <ac:chgData name="Michelle Gallace" userId="6890fe1d-fae7-4c95-8977-faa318922140" providerId="ADAL" clId="{B045083B-15C0-4F0B-AA82-FBD27338DEAD}" dt="2023-09-24T08:15:42.893" v="6892" actId="478"/>
          <ac:spMkLst>
            <pc:docMk/>
            <pc:sldMk cId="649604289" sldId="4229"/>
            <ac:spMk id="58" creationId="{CC4B1A2A-E3ED-9CEB-A53A-38997C82667A}"/>
          </ac:spMkLst>
        </pc:spChg>
        <pc:spChg chg="del">
          <ac:chgData name="Michelle Gallace" userId="6890fe1d-fae7-4c95-8977-faa318922140" providerId="ADAL" clId="{B045083B-15C0-4F0B-AA82-FBD27338DEAD}" dt="2023-09-24T08:15:31.467" v="6885" actId="478"/>
          <ac:spMkLst>
            <pc:docMk/>
            <pc:sldMk cId="649604289" sldId="4229"/>
            <ac:spMk id="59" creationId="{5277C5A0-F5E3-6171-1A4F-F68A2E88CC69}"/>
          </ac:spMkLst>
        </pc:spChg>
        <pc:picChg chg="add mod modCrop">
          <ac:chgData name="Michelle Gallace" userId="6890fe1d-fae7-4c95-8977-faa318922140" providerId="ADAL" clId="{B045083B-15C0-4F0B-AA82-FBD27338DEAD}" dt="2023-09-24T08:30:44.204" v="7999" actId="1076"/>
          <ac:picMkLst>
            <pc:docMk/>
            <pc:sldMk cId="649604289" sldId="4229"/>
            <ac:picMk id="2" creationId="{C509ACCF-46C2-80F0-4605-C46B8B01CFCF}"/>
          </ac:picMkLst>
        </pc:picChg>
        <pc:picChg chg="del">
          <ac:chgData name="Michelle Gallace" userId="6890fe1d-fae7-4c95-8977-faa318922140" providerId="ADAL" clId="{B045083B-15C0-4F0B-AA82-FBD27338DEAD}" dt="2023-09-24T08:15:35.320" v="6887" actId="478"/>
          <ac:picMkLst>
            <pc:docMk/>
            <pc:sldMk cId="649604289" sldId="4229"/>
            <ac:picMk id="4" creationId="{C5F2651C-2113-4F94-C8D5-0E626C53960E}"/>
          </ac:picMkLst>
        </pc:picChg>
        <pc:picChg chg="add mod modCrop">
          <ac:chgData name="Michelle Gallace" userId="6890fe1d-fae7-4c95-8977-faa318922140" providerId="ADAL" clId="{B045083B-15C0-4F0B-AA82-FBD27338DEAD}" dt="2023-09-24T08:30:55.967" v="8001" actId="1076"/>
          <ac:picMkLst>
            <pc:docMk/>
            <pc:sldMk cId="649604289" sldId="4229"/>
            <ac:picMk id="10" creationId="{C993AE86-5FF4-83A3-8F95-989C92A3623E}"/>
          </ac:picMkLst>
        </pc:picChg>
        <pc:picChg chg="del">
          <ac:chgData name="Michelle Gallace" userId="6890fe1d-fae7-4c95-8977-faa318922140" providerId="ADAL" clId="{B045083B-15C0-4F0B-AA82-FBD27338DEAD}" dt="2023-09-24T08:15:39.923" v="6890" actId="478"/>
          <ac:picMkLst>
            <pc:docMk/>
            <pc:sldMk cId="649604289" sldId="4229"/>
            <ac:picMk id="11" creationId="{9A6F7495-D18F-B1D8-3EB6-3F52BC66F7EC}"/>
          </ac:picMkLst>
        </pc:picChg>
        <pc:picChg chg="add mod modCrop">
          <ac:chgData name="Michelle Gallace" userId="6890fe1d-fae7-4c95-8977-faa318922140" providerId="ADAL" clId="{B045083B-15C0-4F0B-AA82-FBD27338DEAD}" dt="2023-09-24T08:33:49.917" v="8344" actId="1076"/>
          <ac:picMkLst>
            <pc:docMk/>
            <pc:sldMk cId="649604289" sldId="4229"/>
            <ac:picMk id="12" creationId="{893CA560-4DD4-8456-7B10-699FB9F17F78}"/>
          </ac:picMkLst>
        </pc:picChg>
        <pc:picChg chg="del">
          <ac:chgData name="Michelle Gallace" userId="6890fe1d-fae7-4c95-8977-faa318922140" providerId="ADAL" clId="{B045083B-15C0-4F0B-AA82-FBD27338DEAD}" dt="2023-09-24T08:15:34.178" v="6886" actId="478"/>
          <ac:picMkLst>
            <pc:docMk/>
            <pc:sldMk cId="649604289" sldId="4229"/>
            <ac:picMk id="13" creationId="{38B521EE-C0E3-615D-0B68-E55BA68F32E6}"/>
          </ac:picMkLst>
        </pc:picChg>
        <pc:picChg chg="del">
          <ac:chgData name="Michelle Gallace" userId="6890fe1d-fae7-4c95-8977-faa318922140" providerId="ADAL" clId="{B045083B-15C0-4F0B-AA82-FBD27338DEAD}" dt="2023-09-24T08:15:34.178" v="6886" actId="478"/>
          <ac:picMkLst>
            <pc:docMk/>
            <pc:sldMk cId="649604289" sldId="4229"/>
            <ac:picMk id="14" creationId="{DFB2FC6E-BEF0-5C0F-8C61-67CCFACA853A}"/>
          </ac:picMkLst>
        </pc:picChg>
        <pc:picChg chg="del">
          <ac:chgData name="Michelle Gallace" userId="6890fe1d-fae7-4c95-8977-faa318922140" providerId="ADAL" clId="{B045083B-15C0-4F0B-AA82-FBD27338DEAD}" dt="2023-09-24T08:15:38.993" v="6889" actId="478"/>
          <ac:picMkLst>
            <pc:docMk/>
            <pc:sldMk cId="649604289" sldId="4229"/>
            <ac:picMk id="15" creationId="{76A435BA-8FF7-183A-E8A8-C180AF4E8F1C}"/>
          </ac:picMkLst>
        </pc:picChg>
        <pc:picChg chg="del">
          <ac:chgData name="Michelle Gallace" userId="6890fe1d-fae7-4c95-8977-faa318922140" providerId="ADAL" clId="{B045083B-15C0-4F0B-AA82-FBD27338DEAD}" dt="2023-09-24T08:15:27.087" v="6882" actId="478"/>
          <ac:picMkLst>
            <pc:docMk/>
            <pc:sldMk cId="649604289" sldId="4229"/>
            <ac:picMk id="19" creationId="{32D554C5-9D1F-3B60-7CC2-FC1F7272192D}"/>
          </ac:picMkLst>
        </pc:picChg>
        <pc:picChg chg="add del mod">
          <ac:chgData name="Michelle Gallace" userId="6890fe1d-fae7-4c95-8977-faa318922140" providerId="ADAL" clId="{B045083B-15C0-4F0B-AA82-FBD27338DEAD}" dt="2023-09-24T08:35:56.823" v="8358" actId="478"/>
          <ac:picMkLst>
            <pc:docMk/>
            <pc:sldMk cId="649604289" sldId="4229"/>
            <ac:picMk id="27" creationId="{00867371-01C9-FEDF-560D-15886E01E7D5}"/>
          </ac:picMkLst>
        </pc:picChg>
        <pc:picChg chg="add mod modCrop">
          <ac:chgData name="Michelle Gallace" userId="6890fe1d-fae7-4c95-8977-faa318922140" providerId="ADAL" clId="{B045083B-15C0-4F0B-AA82-FBD27338DEAD}" dt="2023-09-24T08:36:35.581" v="8365" actId="1076"/>
          <ac:picMkLst>
            <pc:docMk/>
            <pc:sldMk cId="649604289" sldId="4229"/>
            <ac:picMk id="28" creationId="{2BC558A0-451F-50BD-32AC-B09FA1BF3D1B}"/>
          </ac:picMkLst>
        </pc:picChg>
      </pc:sldChg>
      <pc:sldChg chg="new del">
        <pc:chgData name="Michelle Gallace" userId="6890fe1d-fae7-4c95-8977-faa318922140" providerId="ADAL" clId="{B045083B-15C0-4F0B-AA82-FBD27338DEAD}" dt="2023-09-22T12:09:44.928" v="5709" actId="680"/>
        <pc:sldMkLst>
          <pc:docMk/>
          <pc:sldMk cId="1925655964" sldId="4229"/>
        </pc:sldMkLst>
      </pc:sldChg>
      <pc:sldChg chg="new del">
        <pc:chgData name="Michelle Gallace" userId="6890fe1d-fae7-4c95-8977-faa318922140" providerId="ADAL" clId="{B045083B-15C0-4F0B-AA82-FBD27338DEAD}" dt="2023-09-22T12:08:20.704" v="5702" actId="680"/>
        <pc:sldMkLst>
          <pc:docMk/>
          <pc:sldMk cId="3602734388" sldId="4229"/>
        </pc:sldMkLst>
      </pc:sldChg>
      <pc:sldMasterChg chg="modTransition modSldLayout">
        <pc:chgData name="Michelle Gallace" userId="6890fe1d-fae7-4c95-8977-faa318922140" providerId="ADAL" clId="{B045083B-15C0-4F0B-AA82-FBD27338DEAD}" dt="2023-09-24T04:36:57.689" v="6846"/>
        <pc:sldMasterMkLst>
          <pc:docMk/>
          <pc:sldMasterMk cId="0" sldId="2147483648"/>
        </pc:sldMasterMkLst>
        <pc:sldLayoutChg chg="modTransition">
          <pc:chgData name="Michelle Gallace" userId="6890fe1d-fae7-4c95-8977-faa318922140" providerId="ADAL" clId="{B045083B-15C0-4F0B-AA82-FBD27338DEAD}" dt="2023-09-24T04:36:57.689" v="6846"/>
          <pc:sldLayoutMkLst>
            <pc:docMk/>
            <pc:sldMasterMk cId="0" sldId="2147483648"/>
            <pc:sldLayoutMk cId="0" sldId="2147483649"/>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0"/>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1"/>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2"/>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3"/>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5"/>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6"/>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7"/>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8"/>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59"/>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0" sldId="2147483660"/>
          </pc:sldLayoutMkLst>
        </pc:sldLayoutChg>
        <pc:sldLayoutChg chg="modTransition">
          <pc:chgData name="Michelle Gallace" userId="6890fe1d-fae7-4c95-8977-faa318922140" providerId="ADAL" clId="{B045083B-15C0-4F0B-AA82-FBD27338DEAD}" dt="2023-09-24T04:36:57.689" v="6846"/>
          <pc:sldLayoutMkLst>
            <pc:docMk/>
            <pc:sldMasterMk cId="0" sldId="2147483648"/>
            <pc:sldLayoutMk cId="3462180937" sldId="2147483694"/>
          </pc:sldLayoutMkLst>
        </pc:sldLayoutChg>
      </pc:sldMasterChg>
      <pc:sldMasterChg chg="modTransition modSldLayout">
        <pc:chgData name="Michelle Gallace" userId="6890fe1d-fae7-4c95-8977-faa318922140" providerId="ADAL" clId="{B045083B-15C0-4F0B-AA82-FBD27338DEAD}" dt="2023-09-24T04:36:57.689" v="6846"/>
        <pc:sldMasterMkLst>
          <pc:docMk/>
          <pc:sldMasterMk cId="1374475112" sldId="2147483661"/>
        </pc:sldMasterMkLst>
        <pc:sldLayoutChg chg="modTransition">
          <pc:chgData name="Michelle Gallace" userId="6890fe1d-fae7-4c95-8977-faa318922140" providerId="ADAL" clId="{B045083B-15C0-4F0B-AA82-FBD27338DEAD}" dt="2023-09-24T04:36:57.689" v="6846"/>
          <pc:sldLayoutMkLst>
            <pc:docMk/>
            <pc:sldMasterMk cId="1374475112" sldId="2147483661"/>
            <pc:sldLayoutMk cId="2395250101" sldId="2147483662"/>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504869021" sldId="2147483663"/>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294165519" sldId="2147483664"/>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643845478" sldId="2147483665"/>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711197951" sldId="2147483666"/>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836347296" sldId="2147483667"/>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413169465" sldId="2147483668"/>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75390884" sldId="2147483669"/>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076668560" sldId="2147483670"/>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705222453" sldId="2147483671"/>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4204210999" sldId="2147483672"/>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421399512" sldId="2147483673"/>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133026174" sldId="2147483674"/>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1932399357" sldId="2147483675"/>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1592866404" sldId="2147483676"/>
          </pc:sldLayoutMkLst>
        </pc:sldLayoutChg>
        <pc:sldLayoutChg chg="modTransition">
          <pc:chgData name="Michelle Gallace" userId="6890fe1d-fae7-4c95-8977-faa318922140" providerId="ADAL" clId="{B045083B-15C0-4F0B-AA82-FBD27338DEAD}" dt="2023-09-24T04:36:57.689" v="6846"/>
          <pc:sldLayoutMkLst>
            <pc:docMk/>
            <pc:sldMasterMk cId="1374475112" sldId="2147483661"/>
            <pc:sldLayoutMk cId="3275590158" sldId="2147483678"/>
          </pc:sldLayoutMkLst>
        </pc:sldLayoutChg>
      </pc:sldMasterChg>
      <pc:sldMasterChg chg="modTransition modSldLayout">
        <pc:chgData name="Michelle Gallace" userId="6890fe1d-fae7-4c95-8977-faa318922140" providerId="ADAL" clId="{B045083B-15C0-4F0B-AA82-FBD27338DEAD}" dt="2023-09-24T04:36:57.689" v="6846"/>
        <pc:sldMasterMkLst>
          <pc:docMk/>
          <pc:sldMasterMk cId="3455580927" sldId="2147483695"/>
        </pc:sldMasterMkLst>
        <pc:sldLayoutChg chg="modTransition">
          <pc:chgData name="Michelle Gallace" userId="6890fe1d-fae7-4c95-8977-faa318922140" providerId="ADAL" clId="{B045083B-15C0-4F0B-AA82-FBD27338DEAD}" dt="2023-09-24T04:36:57.689" v="6846"/>
          <pc:sldLayoutMkLst>
            <pc:docMk/>
            <pc:sldMasterMk cId="3455580927" sldId="2147483695"/>
            <pc:sldLayoutMk cId="3114427770" sldId="2147483696"/>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2283978091" sldId="2147483697"/>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3763001610" sldId="2147483698"/>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2302444004" sldId="2147483699"/>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1855136602" sldId="2147483700"/>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2800465973" sldId="2147483701"/>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1285467510" sldId="2147483702"/>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1335886725" sldId="2147483703"/>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1717577203" sldId="2147483704"/>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2223038402" sldId="2147483705"/>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2558960332" sldId="2147483706"/>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3448895583" sldId="2147483707"/>
          </pc:sldLayoutMkLst>
        </pc:sldLayoutChg>
        <pc:sldLayoutChg chg="modTransition">
          <pc:chgData name="Michelle Gallace" userId="6890fe1d-fae7-4c95-8977-faa318922140" providerId="ADAL" clId="{B045083B-15C0-4F0B-AA82-FBD27338DEAD}" dt="2023-09-24T04:36:57.689" v="6846"/>
          <pc:sldLayoutMkLst>
            <pc:docMk/>
            <pc:sldMasterMk cId="3455580927" sldId="2147483695"/>
            <pc:sldLayoutMk cId="3979470045" sldId="2147483752"/>
          </pc:sldLayoutMkLst>
        </pc:sldLayoutChg>
      </pc:sldMasterChg>
      <pc:sldMasterChg chg="modTransition modSldLayout">
        <pc:chgData name="Michelle Gallace" userId="6890fe1d-fae7-4c95-8977-faa318922140" providerId="ADAL" clId="{B045083B-15C0-4F0B-AA82-FBD27338DEAD}" dt="2023-09-24T04:36:57.689" v="6846"/>
        <pc:sldMasterMkLst>
          <pc:docMk/>
          <pc:sldMasterMk cId="4163691388" sldId="2147483721"/>
        </pc:sldMasterMkLst>
        <pc:sldLayoutChg chg="modTransition">
          <pc:chgData name="Michelle Gallace" userId="6890fe1d-fae7-4c95-8977-faa318922140" providerId="ADAL" clId="{B045083B-15C0-4F0B-AA82-FBD27338DEAD}" dt="2023-09-24T04:36:57.689" v="6846"/>
          <pc:sldLayoutMkLst>
            <pc:docMk/>
            <pc:sldMasterMk cId="4163691388" sldId="2147483721"/>
            <pc:sldLayoutMk cId="1484286264" sldId="2147483722"/>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614232877" sldId="2147483723"/>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156992543" sldId="2147483724"/>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3582398438" sldId="2147483725"/>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2745375655" sldId="2147483726"/>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3430314316" sldId="2147483727"/>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4225717815" sldId="2147483728"/>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2169984126" sldId="2147483729"/>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677787400" sldId="2147483730"/>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3125578575" sldId="2147483731"/>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3354173638" sldId="2147483732"/>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729946466" sldId="2147483733"/>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2782216649" sldId="2147483734"/>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879739156" sldId="2147483735"/>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73501537" sldId="2147483736"/>
          </pc:sldLayoutMkLst>
        </pc:sldLayoutChg>
        <pc:sldLayoutChg chg="modTransition">
          <pc:chgData name="Michelle Gallace" userId="6890fe1d-fae7-4c95-8977-faa318922140" providerId="ADAL" clId="{B045083B-15C0-4F0B-AA82-FBD27338DEAD}" dt="2023-09-24T04:36:57.689" v="6846"/>
          <pc:sldLayoutMkLst>
            <pc:docMk/>
            <pc:sldMasterMk cId="4163691388" sldId="2147483721"/>
            <pc:sldLayoutMk cId="1788138836" sldId="2147483738"/>
          </pc:sldLayoutMkLst>
        </pc:sldLayoutChg>
      </pc:sldMasterChg>
    </pc:docChg>
  </pc:docChgLst>
</pc:chgInfo>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1">
  <dgm:title val=""/>
  <dgm:desc val=""/>
  <dgm:catLst>
    <dgm:cat type="accent1" pri="11100"/>
  </dgm:catLst>
  <dgm:styleLbl name="node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1">
        <a:shade val="80000"/>
      </a:schemeClr>
    </dgm:linClrLst>
    <dgm:effectClrLst/>
    <dgm:txLinClrLst/>
    <dgm:txFillClrLst/>
    <dgm:txEffectClrLst/>
  </dgm:styleLbl>
  <dgm:styleLbl name="node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f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align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bgImgPlace1">
    <dgm:fillClrLst meth="repeat">
      <a:schemeClr val="accent1">
        <a:tint val="40000"/>
      </a:schemeClr>
    </dgm:fillClrLst>
    <dgm:linClrLst meth="repeat">
      <a:schemeClr val="accent1">
        <a:shade val="80000"/>
      </a:schemeClr>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meth="repeat">
      <a:schemeClr val="dk1"/>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1">
        <a:shade val="80000"/>
      </a:schemeClr>
    </dgm:linClrLst>
    <dgm:effectClrLst/>
    <dgm:txLinClrLst/>
    <dgm:txFillClrLst meth="repeat">
      <a:schemeClr val="dk1"/>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dgm:txEffectClrLst/>
  </dgm:styleLbl>
  <dgm:styleLbl name="parChTrans2D2">
    <dgm:fillClrLst meth="repeat">
      <a:schemeClr val="accent1"/>
    </dgm:fillClrLst>
    <dgm:linClrLst meth="repeat">
      <a:schemeClr val="accent1"/>
    </dgm:linClrLst>
    <dgm:effectClrLst/>
    <dgm:txLinClrLst/>
    <dgm:txFillClrLst/>
    <dgm:txEffectClrLst/>
  </dgm:styleLbl>
  <dgm:styleLbl name="parChTrans2D3">
    <dgm:fillClrLst meth="repeat">
      <a:schemeClr val="accent1"/>
    </dgm:fillClrLst>
    <dgm:linClrLst meth="repeat">
      <a:schemeClr val="accent1"/>
    </dgm:linClrLst>
    <dgm:effectClrLst/>
    <dgm:txLinClrLst/>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conF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align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trAlignAcc1">
    <dgm:fillClrLst meth="repeat">
      <a:schemeClr val="accent1">
        <a:alpha val="40000"/>
        <a:tint val="40000"/>
      </a:schemeClr>
    </dgm:fillClrLst>
    <dgm:linClrLst meth="repeat">
      <a:schemeClr val="accent1"/>
    </dgm:linClrLst>
    <dgm:effectClrLst/>
    <dgm:txLinClrLst/>
    <dgm:txFillClrLst meth="repeat">
      <a:schemeClr val="dk1"/>
    </dgm:txFillClrLst>
    <dgm:txEffectClrLst/>
  </dgm:styleLbl>
  <dgm:styleLbl name="bgAcc1">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1">
        <a:alpha val="90000"/>
      </a:schemeClr>
    </dgm:linClrLst>
    <dgm:effectClrLst/>
    <dgm:txLinClrLst/>
    <dgm:txFillClrLst meth="repeat">
      <a:schemeClr val="dk1"/>
    </dgm:txFillClrLst>
    <dgm:txEffectClrLst/>
  </dgm:styleLbl>
  <dgm:styleLbl name="fgAcc0">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2">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3">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fgAcc4">
    <dgm:fillClrLst meth="repeat">
      <a:schemeClr val="accent1">
        <a:alpha val="90000"/>
        <a:tint val="4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5FD4637-B555-45E6-9971-95C9FCC76A2C}" type="doc">
      <dgm:prSet loTypeId="urn:microsoft.com/office/officeart/2005/8/layout/orgChart1" loCatId="hierarchy" qsTypeId="urn:microsoft.com/office/officeart/2005/8/quickstyle/simple2" qsCatId="simple" csTypeId="urn:microsoft.com/office/officeart/2005/8/colors/accent1_1" csCatId="accent1" phldr="1"/>
      <dgm:spPr/>
      <dgm:t>
        <a:bodyPr/>
        <a:lstStyle/>
        <a:p>
          <a:endParaRPr lang="en-AU"/>
        </a:p>
      </dgm:t>
    </dgm:pt>
    <dgm:pt modelId="{8BE2C8EA-0D44-4A27-A9D0-B38140676A58}">
      <dgm:prSet phldrT="[Text]"/>
      <dgm:spPr>
        <a:solidFill>
          <a:srgbClr val="FAC360">
            <a:alpha val="38000"/>
          </a:srgbClr>
        </a:solidFill>
        <a:ln>
          <a:solidFill>
            <a:srgbClr val="F7A81B"/>
          </a:solidFill>
        </a:ln>
      </dgm:spPr>
      <dgm:t>
        <a:bodyPr/>
        <a:lstStyle/>
        <a:p>
          <a:r>
            <a:rPr lang="en-US"/>
            <a:t>Regional Council Chair</a:t>
          </a:r>
          <a:endParaRPr lang="en-AU"/>
        </a:p>
      </dgm:t>
    </dgm:pt>
    <dgm:pt modelId="{E6480D84-E51D-41AD-BE12-50786C7F31A0}" type="parTrans" cxnId="{0DFDC150-4A75-40AE-A4CA-89A4DF630B0D}">
      <dgm:prSet/>
      <dgm:spPr/>
      <dgm:t>
        <a:bodyPr/>
        <a:lstStyle/>
        <a:p>
          <a:endParaRPr lang="en-AU"/>
        </a:p>
      </dgm:t>
    </dgm:pt>
    <dgm:pt modelId="{FE734BC3-0DE1-40A1-9CC4-2B651B5518F2}" type="sibTrans" cxnId="{0DFDC150-4A75-40AE-A4CA-89A4DF630B0D}">
      <dgm:prSet/>
      <dgm:spPr/>
      <dgm:t>
        <a:bodyPr/>
        <a:lstStyle/>
        <a:p>
          <a:endParaRPr lang="en-AU"/>
        </a:p>
      </dgm:t>
    </dgm:pt>
    <dgm:pt modelId="{3535A26C-C986-48E8-8991-3D62A21EC355}">
      <dgm:prSet phldrT="[Text]"/>
      <dgm:spPr>
        <a:solidFill>
          <a:srgbClr val="BCE292">
            <a:alpha val="39000"/>
          </a:srgbClr>
        </a:solidFill>
        <a:ln>
          <a:solidFill>
            <a:srgbClr val="92D050"/>
          </a:solidFill>
        </a:ln>
      </dgm:spPr>
      <dgm:t>
        <a:bodyPr/>
        <a:lstStyle/>
        <a:p>
          <a:r>
            <a:rPr lang="en-US"/>
            <a:t>Chair-Elect</a:t>
          </a:r>
          <a:endParaRPr lang="en-AU"/>
        </a:p>
      </dgm:t>
    </dgm:pt>
    <dgm:pt modelId="{F9A074D6-6FBB-44F8-99C0-F66C7222B600}" type="parTrans" cxnId="{2CEA21D9-2360-4D5B-9D62-317FA89DA82C}">
      <dgm:prSet/>
      <dgm:spPr>
        <a:ln>
          <a:solidFill>
            <a:srgbClr val="92D050"/>
          </a:solidFill>
        </a:ln>
      </dgm:spPr>
      <dgm:t>
        <a:bodyPr/>
        <a:lstStyle/>
        <a:p>
          <a:endParaRPr lang="en-AU"/>
        </a:p>
      </dgm:t>
    </dgm:pt>
    <dgm:pt modelId="{7D0F865C-21ED-42CD-B38D-ACE81B7DFA5C}" type="sibTrans" cxnId="{2CEA21D9-2360-4D5B-9D62-317FA89DA82C}">
      <dgm:prSet/>
      <dgm:spPr/>
      <dgm:t>
        <a:bodyPr/>
        <a:lstStyle/>
        <a:p>
          <a:endParaRPr lang="en-AU"/>
        </a:p>
      </dgm:t>
    </dgm:pt>
    <dgm:pt modelId="{6ED9F08F-80D3-4F69-A7BC-E8495E376535}">
      <dgm:prSet phldrT="[Text]"/>
      <dgm:spPr>
        <a:solidFill>
          <a:srgbClr val="BCE292">
            <a:alpha val="39000"/>
          </a:srgbClr>
        </a:solidFill>
        <a:ln>
          <a:solidFill>
            <a:srgbClr val="92D050"/>
          </a:solidFill>
        </a:ln>
      </dgm:spPr>
      <dgm:t>
        <a:bodyPr/>
        <a:lstStyle/>
        <a:p>
          <a:r>
            <a:rPr lang="en-US"/>
            <a:t>Portfolio Leads*</a:t>
          </a:r>
        </a:p>
      </dgm:t>
    </dgm:pt>
    <dgm:pt modelId="{75AF0FAC-095C-4EE7-97D3-370E99852BD3}" type="parTrans" cxnId="{0EE8ACEC-8E59-4EC9-87E0-C908C71B73E7}">
      <dgm:prSet/>
      <dgm:spPr>
        <a:ln>
          <a:solidFill>
            <a:srgbClr val="92D050"/>
          </a:solidFill>
        </a:ln>
      </dgm:spPr>
      <dgm:t>
        <a:bodyPr/>
        <a:lstStyle/>
        <a:p>
          <a:endParaRPr lang="en-AU"/>
        </a:p>
      </dgm:t>
    </dgm:pt>
    <dgm:pt modelId="{87677B90-2278-407F-ABCE-C7B88A9ACC36}" type="sibTrans" cxnId="{0EE8ACEC-8E59-4EC9-87E0-C908C71B73E7}">
      <dgm:prSet/>
      <dgm:spPr/>
      <dgm:t>
        <a:bodyPr/>
        <a:lstStyle/>
        <a:p>
          <a:endParaRPr lang="en-AU"/>
        </a:p>
      </dgm:t>
    </dgm:pt>
    <dgm:pt modelId="{FBEB2470-43BF-4305-AF37-DD4693EEF9D2}">
      <dgm:prSet phldrT="[Text]"/>
      <dgm:spPr>
        <a:solidFill>
          <a:srgbClr val="BCE292">
            <a:alpha val="39000"/>
          </a:srgbClr>
        </a:solidFill>
        <a:ln>
          <a:solidFill>
            <a:srgbClr val="92D050"/>
          </a:solidFill>
        </a:ln>
      </dgm:spPr>
      <dgm:t>
        <a:bodyPr/>
        <a:lstStyle/>
        <a:p>
          <a:r>
            <a:rPr lang="en-US"/>
            <a:t>Rotaract Nominee</a:t>
          </a:r>
          <a:endParaRPr lang="en-AU"/>
        </a:p>
      </dgm:t>
    </dgm:pt>
    <dgm:pt modelId="{D8D92C11-B16B-4562-8B48-E544510D76A3}" type="parTrans" cxnId="{7DFE873A-B62E-4C02-A5F1-24BB937879E9}">
      <dgm:prSet/>
      <dgm:spPr>
        <a:ln>
          <a:solidFill>
            <a:srgbClr val="92D050"/>
          </a:solidFill>
        </a:ln>
      </dgm:spPr>
      <dgm:t>
        <a:bodyPr/>
        <a:lstStyle/>
        <a:p>
          <a:endParaRPr lang="en-AU"/>
        </a:p>
      </dgm:t>
    </dgm:pt>
    <dgm:pt modelId="{CED89EF2-A9F8-4AC9-92EA-83ABB981067E}" type="sibTrans" cxnId="{7DFE873A-B62E-4C02-A5F1-24BB937879E9}">
      <dgm:prSet/>
      <dgm:spPr/>
      <dgm:t>
        <a:bodyPr/>
        <a:lstStyle/>
        <a:p>
          <a:endParaRPr lang="en-AU"/>
        </a:p>
      </dgm:t>
    </dgm:pt>
    <dgm:pt modelId="{CFA53C4B-93A0-44CD-9358-820F366A2EB0}">
      <dgm:prSet/>
      <dgm:spPr>
        <a:solidFill>
          <a:srgbClr val="BCE292">
            <a:alpha val="39000"/>
          </a:srgbClr>
        </a:solidFill>
        <a:ln>
          <a:solidFill>
            <a:srgbClr val="92D050"/>
          </a:solidFill>
        </a:ln>
      </dgm:spPr>
      <dgm:t>
        <a:bodyPr/>
        <a:lstStyle/>
        <a:p>
          <a:r>
            <a:rPr lang="en-US" dirty="0"/>
            <a:t>Rotary Communities Nominee</a:t>
          </a:r>
          <a:endParaRPr lang="en-AU" dirty="0"/>
        </a:p>
      </dgm:t>
    </dgm:pt>
    <dgm:pt modelId="{A3488C1D-FCB2-4A71-81FC-8839F59CD17D}" type="parTrans" cxnId="{084879AD-2668-48AF-BABC-F72615CBB7AA}">
      <dgm:prSet/>
      <dgm:spPr>
        <a:ln>
          <a:solidFill>
            <a:srgbClr val="92D050"/>
          </a:solidFill>
        </a:ln>
      </dgm:spPr>
      <dgm:t>
        <a:bodyPr/>
        <a:lstStyle/>
        <a:p>
          <a:endParaRPr lang="en-AU"/>
        </a:p>
      </dgm:t>
    </dgm:pt>
    <dgm:pt modelId="{3F50D5AA-D608-4CCA-AE29-3339C9EC4530}" type="sibTrans" cxnId="{084879AD-2668-48AF-BABC-F72615CBB7AA}">
      <dgm:prSet/>
      <dgm:spPr/>
      <dgm:t>
        <a:bodyPr/>
        <a:lstStyle/>
        <a:p>
          <a:endParaRPr lang="en-AU"/>
        </a:p>
      </dgm:t>
    </dgm:pt>
    <dgm:pt modelId="{C0FFFB1A-D124-43F6-A320-FA96FC915FF4}">
      <dgm:prSet/>
      <dgm:spPr>
        <a:solidFill>
          <a:schemeClr val="accent1">
            <a:lumMod val="40000"/>
            <a:lumOff val="60000"/>
            <a:alpha val="39000"/>
          </a:schemeClr>
        </a:solidFill>
        <a:ln>
          <a:solidFill>
            <a:schemeClr val="accent1"/>
          </a:solidFill>
          <a:prstDash val="dash"/>
        </a:ln>
      </dgm:spPr>
      <dgm:t>
        <a:bodyPr/>
        <a:lstStyle/>
        <a:p>
          <a:r>
            <a:rPr lang="en-US" dirty="0"/>
            <a:t>Corporate and Admin (non-elected)</a:t>
          </a:r>
          <a:endParaRPr lang="en-AU" dirty="0"/>
        </a:p>
      </dgm:t>
    </dgm:pt>
    <dgm:pt modelId="{F09113DC-E65E-485D-B05E-2EFB4BC58B6D}" type="parTrans" cxnId="{7B72F4CD-66A7-4931-9C61-94BD8200EB15}">
      <dgm:prSet/>
      <dgm:spPr>
        <a:ln>
          <a:solidFill>
            <a:srgbClr val="92D050"/>
          </a:solidFill>
        </a:ln>
      </dgm:spPr>
      <dgm:t>
        <a:bodyPr/>
        <a:lstStyle/>
        <a:p>
          <a:endParaRPr lang="en-AU"/>
        </a:p>
      </dgm:t>
    </dgm:pt>
    <dgm:pt modelId="{D9E4913B-53F5-4351-B674-3FD5861A1E40}" type="sibTrans" cxnId="{7B72F4CD-66A7-4931-9C61-94BD8200EB15}">
      <dgm:prSet/>
      <dgm:spPr/>
      <dgm:t>
        <a:bodyPr/>
        <a:lstStyle/>
        <a:p>
          <a:endParaRPr lang="en-AU"/>
        </a:p>
      </dgm:t>
    </dgm:pt>
    <dgm:pt modelId="{F01BBF4C-423F-4DF0-BE0C-DA94201FB44B}" type="asst">
      <dgm:prSet/>
      <dgm:spPr>
        <a:solidFill>
          <a:srgbClr val="7798D3">
            <a:alpha val="40000"/>
          </a:srgbClr>
        </a:solidFill>
        <a:ln>
          <a:solidFill>
            <a:srgbClr val="305496"/>
          </a:solidFill>
        </a:ln>
      </dgm:spPr>
      <dgm:t>
        <a:bodyPr/>
        <a:lstStyle/>
        <a:p>
          <a:r>
            <a:rPr lang="en-US"/>
            <a:t>Multi-national Advisory Committee</a:t>
          </a:r>
          <a:endParaRPr lang="en-AU"/>
        </a:p>
      </dgm:t>
    </dgm:pt>
    <dgm:pt modelId="{19C8C47A-2BAB-4857-8161-655EDB7C956B}" type="parTrans" cxnId="{EE98079D-0CFD-465C-A52D-E45C4C16A993}">
      <dgm:prSet/>
      <dgm:spPr>
        <a:solidFill>
          <a:schemeClr val="bg1"/>
        </a:solidFill>
        <a:ln>
          <a:solidFill>
            <a:schemeClr val="bg1"/>
          </a:solidFill>
        </a:ln>
      </dgm:spPr>
      <dgm:t>
        <a:bodyPr/>
        <a:lstStyle/>
        <a:p>
          <a:endParaRPr lang="en-AU"/>
        </a:p>
      </dgm:t>
    </dgm:pt>
    <dgm:pt modelId="{F595BAAE-C82D-4026-8541-CD443126F3E8}" type="sibTrans" cxnId="{EE98079D-0CFD-465C-A52D-E45C4C16A993}">
      <dgm:prSet/>
      <dgm:spPr/>
      <dgm:t>
        <a:bodyPr/>
        <a:lstStyle/>
        <a:p>
          <a:endParaRPr lang="en-AU"/>
        </a:p>
      </dgm:t>
    </dgm:pt>
    <dgm:pt modelId="{590BA9C5-4FFD-40E7-8DC0-CB9AF0300E22}" type="asst">
      <dgm:prSet/>
      <dgm:spPr>
        <a:solidFill>
          <a:srgbClr val="7798D3">
            <a:alpha val="40000"/>
          </a:srgbClr>
        </a:solidFill>
        <a:ln>
          <a:solidFill>
            <a:srgbClr val="305496"/>
          </a:solidFill>
        </a:ln>
      </dgm:spPr>
      <dgm:t>
        <a:bodyPr/>
        <a:lstStyle/>
        <a:p>
          <a:r>
            <a:rPr lang="en-US"/>
            <a:t>Functional Committees (Legal Entities, Financial Assets, Insurance, etc.)</a:t>
          </a:r>
          <a:endParaRPr lang="en-AU"/>
        </a:p>
      </dgm:t>
    </dgm:pt>
    <dgm:pt modelId="{A6A30B9B-F4A7-4BFD-87BD-868A7BC0B960}" type="parTrans" cxnId="{91E8E054-F925-45C7-A4BB-E5EF6E47B24F}">
      <dgm:prSet/>
      <dgm:spPr>
        <a:ln>
          <a:solidFill>
            <a:schemeClr val="bg1"/>
          </a:solidFill>
        </a:ln>
      </dgm:spPr>
      <dgm:t>
        <a:bodyPr/>
        <a:lstStyle/>
        <a:p>
          <a:endParaRPr lang="en-AU"/>
        </a:p>
      </dgm:t>
    </dgm:pt>
    <dgm:pt modelId="{294B55DD-0534-4542-9B2F-7D93569C3148}" type="sibTrans" cxnId="{91E8E054-F925-45C7-A4BB-E5EF6E47B24F}">
      <dgm:prSet/>
      <dgm:spPr/>
      <dgm:t>
        <a:bodyPr/>
        <a:lstStyle/>
        <a:p>
          <a:endParaRPr lang="en-AU"/>
        </a:p>
      </dgm:t>
    </dgm:pt>
    <dgm:pt modelId="{5D9EB9A3-EC82-4CE6-B1A7-85F8DE500C3D}" type="asst">
      <dgm:prSet/>
      <dgm:spPr>
        <a:solidFill>
          <a:srgbClr val="7798D3">
            <a:alpha val="40000"/>
          </a:srgbClr>
        </a:solidFill>
        <a:ln>
          <a:solidFill>
            <a:srgbClr val="305496"/>
          </a:solidFill>
        </a:ln>
      </dgm:spPr>
      <dgm:t>
        <a:bodyPr/>
        <a:lstStyle/>
        <a:p>
          <a:r>
            <a:rPr lang="en-US"/>
            <a:t>Rotary Community Leaders</a:t>
          </a:r>
          <a:endParaRPr lang="en-AU"/>
        </a:p>
      </dgm:t>
    </dgm:pt>
    <dgm:pt modelId="{EA12BCC1-3805-46FF-9DD7-00D3FE418F75}" type="parTrans" cxnId="{5E48AB90-76A2-4B7E-AE09-DCC4E24E3546}">
      <dgm:prSet/>
      <dgm:spPr>
        <a:ln>
          <a:solidFill>
            <a:schemeClr val="bg1"/>
          </a:solidFill>
        </a:ln>
      </dgm:spPr>
      <dgm:t>
        <a:bodyPr/>
        <a:lstStyle/>
        <a:p>
          <a:endParaRPr lang="en-AU"/>
        </a:p>
      </dgm:t>
    </dgm:pt>
    <dgm:pt modelId="{FC1CFB86-7B3B-4876-9A21-F205C8B0B6AC}" type="sibTrans" cxnId="{5E48AB90-76A2-4B7E-AE09-DCC4E24E3546}">
      <dgm:prSet/>
      <dgm:spPr/>
      <dgm:t>
        <a:bodyPr/>
        <a:lstStyle/>
        <a:p>
          <a:endParaRPr lang="en-AU"/>
        </a:p>
      </dgm:t>
    </dgm:pt>
    <dgm:pt modelId="{50475585-6ECA-4861-A60D-C7B6DE23A1E3}" type="asst">
      <dgm:prSet/>
      <dgm:spPr>
        <a:solidFill>
          <a:srgbClr val="7798D3">
            <a:alpha val="40000"/>
          </a:srgbClr>
        </a:solidFill>
        <a:ln>
          <a:solidFill>
            <a:srgbClr val="305496"/>
          </a:solidFill>
        </a:ln>
      </dgm:spPr>
      <dgm:t>
        <a:bodyPr/>
        <a:lstStyle/>
        <a:p>
          <a:r>
            <a:rPr lang="en-US" dirty="0"/>
            <a:t>Portfolio Committees*</a:t>
          </a:r>
          <a:endParaRPr lang="en-AU" dirty="0"/>
        </a:p>
      </dgm:t>
    </dgm:pt>
    <dgm:pt modelId="{E401F1B3-AB66-42B9-BAA0-31D97F9BB90B}" type="parTrans" cxnId="{A5139BD3-0AD1-437A-92C2-17A9C3738056}">
      <dgm:prSet/>
      <dgm:spPr>
        <a:ln>
          <a:solidFill>
            <a:schemeClr val="bg1"/>
          </a:solidFill>
        </a:ln>
      </dgm:spPr>
      <dgm:t>
        <a:bodyPr/>
        <a:lstStyle/>
        <a:p>
          <a:endParaRPr lang="en-AU"/>
        </a:p>
      </dgm:t>
    </dgm:pt>
    <dgm:pt modelId="{B80F9FB8-F472-4E15-A385-A9DEF069AF1D}" type="sibTrans" cxnId="{A5139BD3-0AD1-437A-92C2-17A9C3738056}">
      <dgm:prSet/>
      <dgm:spPr/>
      <dgm:t>
        <a:bodyPr/>
        <a:lstStyle/>
        <a:p>
          <a:endParaRPr lang="en-AU"/>
        </a:p>
      </dgm:t>
    </dgm:pt>
    <dgm:pt modelId="{951B5E52-E52E-44BF-A0E4-4DE042CCDB5C}" type="asst">
      <dgm:prSet/>
      <dgm:spPr>
        <a:solidFill>
          <a:srgbClr val="FF9D5B">
            <a:alpha val="40000"/>
          </a:srgbClr>
        </a:solidFill>
        <a:ln>
          <a:solidFill>
            <a:srgbClr val="EA5F00"/>
          </a:solidFill>
        </a:ln>
      </dgm:spPr>
      <dgm:t>
        <a:bodyPr/>
        <a:lstStyle/>
        <a:p>
          <a:r>
            <a:rPr lang="en-US" dirty="0"/>
            <a:t>Rotary Specialist Network</a:t>
          </a:r>
          <a:endParaRPr lang="en-AU" dirty="0"/>
        </a:p>
      </dgm:t>
    </dgm:pt>
    <dgm:pt modelId="{63B8D2CC-DAF8-49BA-946F-C900B991A5B0}" type="parTrans" cxnId="{B0348C5B-15F0-4225-AA77-59A7BBF5ED07}">
      <dgm:prSet/>
      <dgm:spPr>
        <a:ln>
          <a:solidFill>
            <a:schemeClr val="bg1"/>
          </a:solidFill>
        </a:ln>
      </dgm:spPr>
      <dgm:t>
        <a:bodyPr/>
        <a:lstStyle/>
        <a:p>
          <a:endParaRPr lang="en-AU"/>
        </a:p>
      </dgm:t>
    </dgm:pt>
    <dgm:pt modelId="{22AFB876-B382-4D3D-93FB-964DF317657F}" type="sibTrans" cxnId="{B0348C5B-15F0-4225-AA77-59A7BBF5ED07}">
      <dgm:prSet/>
      <dgm:spPr/>
      <dgm:t>
        <a:bodyPr/>
        <a:lstStyle/>
        <a:p>
          <a:endParaRPr lang="en-AU"/>
        </a:p>
      </dgm:t>
    </dgm:pt>
    <dgm:pt modelId="{84932CF7-7B99-4487-87C3-003B773DE58C}" type="asst">
      <dgm:prSet/>
      <dgm:spPr>
        <a:solidFill>
          <a:srgbClr val="7798D3">
            <a:alpha val="40000"/>
          </a:srgbClr>
        </a:solidFill>
        <a:ln>
          <a:solidFill>
            <a:srgbClr val="305496"/>
          </a:solidFill>
        </a:ln>
      </dgm:spPr>
      <dgm:t>
        <a:bodyPr/>
        <a:lstStyle/>
        <a:p>
          <a:r>
            <a:rPr lang="en-US"/>
            <a:t>Liaison for Incorporated Entities</a:t>
          </a:r>
          <a:endParaRPr lang="en-AU"/>
        </a:p>
      </dgm:t>
    </dgm:pt>
    <dgm:pt modelId="{33EEBEF6-B88A-46CF-B7D8-71D11B3E99B8}" type="parTrans" cxnId="{4140A7A7-C70A-430F-9D09-5EF5954BB7A5}">
      <dgm:prSet/>
      <dgm:spPr>
        <a:solidFill>
          <a:schemeClr val="bg1"/>
        </a:solidFill>
        <a:ln>
          <a:solidFill>
            <a:schemeClr val="bg1"/>
          </a:solidFill>
        </a:ln>
      </dgm:spPr>
      <dgm:t>
        <a:bodyPr/>
        <a:lstStyle/>
        <a:p>
          <a:endParaRPr lang="en-AU">
            <a:ln>
              <a:solidFill>
                <a:schemeClr val="bg1"/>
              </a:solidFill>
            </a:ln>
          </a:endParaRPr>
        </a:p>
      </dgm:t>
    </dgm:pt>
    <dgm:pt modelId="{4CFBB572-4BEA-4C7E-8172-9067C624167D}" type="sibTrans" cxnId="{4140A7A7-C70A-430F-9D09-5EF5954BB7A5}">
      <dgm:prSet/>
      <dgm:spPr/>
      <dgm:t>
        <a:bodyPr/>
        <a:lstStyle/>
        <a:p>
          <a:endParaRPr lang="en-AU"/>
        </a:p>
      </dgm:t>
    </dgm:pt>
    <dgm:pt modelId="{848BFE13-6B00-4F64-B54E-76BD9ED29EE3}" type="asst">
      <dgm:prSet/>
      <dgm:spPr>
        <a:solidFill>
          <a:srgbClr val="FF9D5B">
            <a:alpha val="40000"/>
          </a:srgbClr>
        </a:solidFill>
        <a:ln>
          <a:solidFill>
            <a:srgbClr val="EA5F00"/>
          </a:solidFill>
        </a:ln>
      </dgm:spPr>
      <dgm:t>
        <a:bodyPr/>
        <a:lstStyle/>
        <a:p>
          <a:r>
            <a:rPr lang="en-US"/>
            <a:t>Country Representatives</a:t>
          </a:r>
          <a:endParaRPr lang="en-AU"/>
        </a:p>
      </dgm:t>
    </dgm:pt>
    <dgm:pt modelId="{6E96D036-09CA-48A4-BEB4-74CD3D729A86}" type="parTrans" cxnId="{32B02781-4E40-4B54-AB49-7E2BED80C5DE}">
      <dgm:prSet/>
      <dgm:spPr>
        <a:ln>
          <a:solidFill>
            <a:schemeClr val="bg1"/>
          </a:solidFill>
        </a:ln>
      </dgm:spPr>
      <dgm:t>
        <a:bodyPr/>
        <a:lstStyle/>
        <a:p>
          <a:endParaRPr lang="en-AU"/>
        </a:p>
      </dgm:t>
    </dgm:pt>
    <dgm:pt modelId="{A59A45D5-4D31-43EC-8725-A0D3ABF3309E}" type="sibTrans" cxnId="{32B02781-4E40-4B54-AB49-7E2BED80C5DE}">
      <dgm:prSet/>
      <dgm:spPr/>
      <dgm:t>
        <a:bodyPr/>
        <a:lstStyle/>
        <a:p>
          <a:endParaRPr lang="en-AU"/>
        </a:p>
      </dgm:t>
    </dgm:pt>
    <dgm:pt modelId="{467EEC28-9AF3-4FCB-B4CC-64544211C639}">
      <dgm:prSet/>
      <dgm:spPr>
        <a:solidFill>
          <a:srgbClr val="FAC360">
            <a:alpha val="38000"/>
          </a:srgbClr>
        </a:solidFill>
        <a:ln>
          <a:solidFill>
            <a:srgbClr val="F7A81B"/>
          </a:solidFill>
        </a:ln>
      </dgm:spPr>
      <dgm:t>
        <a:bodyPr/>
        <a:lstStyle/>
        <a:p>
          <a:r>
            <a:rPr lang="en-US"/>
            <a:t>District Governors</a:t>
          </a:r>
          <a:endParaRPr lang="en-AU"/>
        </a:p>
      </dgm:t>
    </dgm:pt>
    <dgm:pt modelId="{A79309BD-4A41-407A-A668-ECE57534ECC9}" type="parTrans" cxnId="{06B593EF-DC77-47F0-995B-FE6CA1398AFA}">
      <dgm:prSet/>
      <dgm:spPr/>
      <dgm:t>
        <a:bodyPr/>
        <a:lstStyle/>
        <a:p>
          <a:endParaRPr lang="en-AU"/>
        </a:p>
      </dgm:t>
    </dgm:pt>
    <dgm:pt modelId="{ACCCCDDB-7918-4E86-99F6-1FAB0567AA9E}" type="sibTrans" cxnId="{06B593EF-DC77-47F0-995B-FE6CA1398AFA}">
      <dgm:prSet/>
      <dgm:spPr/>
      <dgm:t>
        <a:bodyPr/>
        <a:lstStyle/>
        <a:p>
          <a:endParaRPr lang="en-AU"/>
        </a:p>
      </dgm:t>
    </dgm:pt>
    <dgm:pt modelId="{3A00A79A-9B22-4BDA-92B3-858E91A8A2AE}">
      <dgm:prSet/>
      <dgm:spPr>
        <a:solidFill>
          <a:srgbClr val="FAC360">
            <a:alpha val="38000"/>
          </a:srgbClr>
        </a:solidFill>
        <a:ln>
          <a:solidFill>
            <a:srgbClr val="F7A81B"/>
          </a:solidFill>
        </a:ln>
      </dgm:spPr>
      <dgm:t>
        <a:bodyPr/>
        <a:lstStyle/>
        <a:p>
          <a:r>
            <a:rPr lang="en-US"/>
            <a:t>RI Office (Sydney)</a:t>
          </a:r>
          <a:endParaRPr lang="en-AU"/>
        </a:p>
      </dgm:t>
    </dgm:pt>
    <dgm:pt modelId="{B74F9B39-4849-4D0F-A5D6-5A75B15423E6}" type="parTrans" cxnId="{70D39F01-8F85-41FA-8EC5-F23AB6B5FE98}">
      <dgm:prSet/>
      <dgm:spPr/>
      <dgm:t>
        <a:bodyPr/>
        <a:lstStyle/>
        <a:p>
          <a:endParaRPr lang="en-AU"/>
        </a:p>
      </dgm:t>
    </dgm:pt>
    <dgm:pt modelId="{55DE07C7-8DB9-4E31-B404-7FB5A569CC18}" type="sibTrans" cxnId="{70D39F01-8F85-41FA-8EC5-F23AB6B5FE98}">
      <dgm:prSet/>
      <dgm:spPr/>
      <dgm:t>
        <a:bodyPr/>
        <a:lstStyle/>
        <a:p>
          <a:endParaRPr lang="en-AU"/>
        </a:p>
      </dgm:t>
    </dgm:pt>
    <dgm:pt modelId="{0640DFAF-B072-45B8-83E7-808B105922D9}" type="asst">
      <dgm:prSet/>
      <dgm:spPr>
        <a:solidFill>
          <a:srgbClr val="7798D3">
            <a:alpha val="40000"/>
          </a:srgbClr>
        </a:solidFill>
        <a:ln>
          <a:solidFill>
            <a:srgbClr val="305496"/>
          </a:solidFill>
        </a:ln>
      </dgm:spPr>
      <dgm:t>
        <a:bodyPr/>
        <a:lstStyle/>
        <a:p>
          <a:r>
            <a:rPr lang="en-US"/>
            <a:t>Zone Strategic Planning</a:t>
          </a:r>
          <a:endParaRPr lang="en-AU"/>
        </a:p>
      </dgm:t>
    </dgm:pt>
    <dgm:pt modelId="{AC5AEB2E-87D3-4A85-9515-3158B7BDBC19}" type="parTrans" cxnId="{5BEE9AFD-E0FE-469E-B66A-60F14610AF10}">
      <dgm:prSet/>
      <dgm:spPr>
        <a:solidFill>
          <a:schemeClr val="bg1"/>
        </a:solidFill>
        <a:ln>
          <a:solidFill>
            <a:schemeClr val="bg1"/>
          </a:solidFill>
        </a:ln>
      </dgm:spPr>
      <dgm:t>
        <a:bodyPr/>
        <a:lstStyle/>
        <a:p>
          <a:endParaRPr lang="en-AU"/>
        </a:p>
      </dgm:t>
    </dgm:pt>
    <dgm:pt modelId="{98864C66-55FF-42F8-BE00-4A0D6059C5EB}" type="sibTrans" cxnId="{5BEE9AFD-E0FE-469E-B66A-60F14610AF10}">
      <dgm:prSet/>
      <dgm:spPr/>
      <dgm:t>
        <a:bodyPr/>
        <a:lstStyle/>
        <a:p>
          <a:endParaRPr lang="en-AU"/>
        </a:p>
      </dgm:t>
    </dgm:pt>
    <dgm:pt modelId="{12655B61-E2C1-4C71-9C07-0823C3D679DE}" type="pres">
      <dgm:prSet presAssocID="{E5FD4637-B555-45E6-9971-95C9FCC76A2C}" presName="hierChild1" presStyleCnt="0">
        <dgm:presLayoutVars>
          <dgm:orgChart val="1"/>
          <dgm:chPref val="1"/>
          <dgm:dir/>
          <dgm:animOne val="branch"/>
          <dgm:animLvl val="lvl"/>
          <dgm:resizeHandles/>
        </dgm:presLayoutVars>
      </dgm:prSet>
      <dgm:spPr/>
    </dgm:pt>
    <dgm:pt modelId="{A967EA1F-CAF1-4A66-81BE-25A3EE4234F0}" type="pres">
      <dgm:prSet presAssocID="{8BE2C8EA-0D44-4A27-A9D0-B38140676A58}" presName="hierRoot1" presStyleCnt="0">
        <dgm:presLayoutVars>
          <dgm:hierBranch val="init"/>
        </dgm:presLayoutVars>
      </dgm:prSet>
      <dgm:spPr/>
    </dgm:pt>
    <dgm:pt modelId="{F20BB523-35B9-4756-8A70-2A0FFB1DE44A}" type="pres">
      <dgm:prSet presAssocID="{8BE2C8EA-0D44-4A27-A9D0-B38140676A58}" presName="rootComposite1" presStyleCnt="0"/>
      <dgm:spPr/>
    </dgm:pt>
    <dgm:pt modelId="{34801174-F5FA-4655-B4D6-398E6A8E365F}" type="pres">
      <dgm:prSet presAssocID="{8BE2C8EA-0D44-4A27-A9D0-B38140676A58}" presName="rootText1" presStyleLbl="node0" presStyleIdx="0" presStyleCnt="3" custLinFactNeighborX="-87717" custLinFactNeighborY="1004">
        <dgm:presLayoutVars>
          <dgm:chPref val="3"/>
        </dgm:presLayoutVars>
      </dgm:prSet>
      <dgm:spPr>
        <a:prstGeom prst="roundRect">
          <a:avLst/>
        </a:prstGeom>
      </dgm:spPr>
    </dgm:pt>
    <dgm:pt modelId="{27F89C6E-08B7-4F20-B426-ACAA9115A4A1}" type="pres">
      <dgm:prSet presAssocID="{8BE2C8EA-0D44-4A27-A9D0-B38140676A58}" presName="rootConnector1" presStyleLbl="node1" presStyleIdx="0" presStyleCnt="0"/>
      <dgm:spPr/>
    </dgm:pt>
    <dgm:pt modelId="{C3D18FEE-B9A8-492C-B52D-CFCB035476B7}" type="pres">
      <dgm:prSet presAssocID="{8BE2C8EA-0D44-4A27-A9D0-B38140676A58}" presName="hierChild2" presStyleCnt="0"/>
      <dgm:spPr/>
    </dgm:pt>
    <dgm:pt modelId="{DABC59DD-12B0-46D8-819A-EA193EA9D23C}" type="pres">
      <dgm:prSet presAssocID="{F9A074D6-6FBB-44F8-99C0-F66C7222B600}" presName="Name37" presStyleLbl="parChTrans1D2" presStyleIdx="0" presStyleCnt="5"/>
      <dgm:spPr/>
    </dgm:pt>
    <dgm:pt modelId="{70C1BFEE-9BE3-4364-BB9A-BEC7A88A1EAB}" type="pres">
      <dgm:prSet presAssocID="{3535A26C-C986-48E8-8991-3D62A21EC355}" presName="hierRoot2" presStyleCnt="0">
        <dgm:presLayoutVars>
          <dgm:hierBranch val="init"/>
        </dgm:presLayoutVars>
      </dgm:prSet>
      <dgm:spPr/>
    </dgm:pt>
    <dgm:pt modelId="{B547CE0C-57D8-451C-A05B-4140EFE88A0C}" type="pres">
      <dgm:prSet presAssocID="{3535A26C-C986-48E8-8991-3D62A21EC355}" presName="rootComposite" presStyleCnt="0"/>
      <dgm:spPr/>
    </dgm:pt>
    <dgm:pt modelId="{CDD7FD1E-2B0D-4605-952D-0712AB9C21D3}" type="pres">
      <dgm:prSet presAssocID="{3535A26C-C986-48E8-8991-3D62A21EC355}" presName="rootText" presStyleLbl="node2" presStyleIdx="0" presStyleCnt="5" custLinFactNeighborX="59943" custLinFactNeighborY="9797">
        <dgm:presLayoutVars>
          <dgm:chPref val="3"/>
        </dgm:presLayoutVars>
      </dgm:prSet>
      <dgm:spPr>
        <a:prstGeom prst="roundRect">
          <a:avLst/>
        </a:prstGeom>
      </dgm:spPr>
    </dgm:pt>
    <dgm:pt modelId="{D6A60ED0-BC76-42E9-9640-974EEA51D238}" type="pres">
      <dgm:prSet presAssocID="{3535A26C-C986-48E8-8991-3D62A21EC355}" presName="rootConnector" presStyleLbl="node2" presStyleIdx="0" presStyleCnt="5"/>
      <dgm:spPr/>
    </dgm:pt>
    <dgm:pt modelId="{ED2C71D9-3E86-407B-888D-0A1C2657F005}" type="pres">
      <dgm:prSet presAssocID="{3535A26C-C986-48E8-8991-3D62A21EC355}" presName="hierChild4" presStyleCnt="0"/>
      <dgm:spPr/>
    </dgm:pt>
    <dgm:pt modelId="{28A61771-6FCF-4907-B130-D74479148F77}" type="pres">
      <dgm:prSet presAssocID="{3535A26C-C986-48E8-8991-3D62A21EC355}" presName="hierChild5" presStyleCnt="0"/>
      <dgm:spPr/>
    </dgm:pt>
    <dgm:pt modelId="{E2659B26-7AAB-4735-8512-8706C704298A}" type="pres">
      <dgm:prSet presAssocID="{33EEBEF6-B88A-46CF-B7D8-71D11B3E99B8}" presName="Name111" presStyleLbl="parChTrans1D3" presStyleIdx="0" presStyleCnt="6"/>
      <dgm:spPr/>
    </dgm:pt>
    <dgm:pt modelId="{9B94EE47-8CC5-488B-8F7D-1783BEF60655}" type="pres">
      <dgm:prSet presAssocID="{84932CF7-7B99-4487-87C3-003B773DE58C}" presName="hierRoot3" presStyleCnt="0">
        <dgm:presLayoutVars>
          <dgm:hierBranch val="init"/>
        </dgm:presLayoutVars>
      </dgm:prSet>
      <dgm:spPr/>
    </dgm:pt>
    <dgm:pt modelId="{1B668E00-E4A1-42F3-8B7C-39A785E6BAA8}" type="pres">
      <dgm:prSet presAssocID="{84932CF7-7B99-4487-87C3-003B773DE58C}" presName="rootComposite3" presStyleCnt="0"/>
      <dgm:spPr/>
    </dgm:pt>
    <dgm:pt modelId="{614F656E-CB90-410D-ADC7-868BD967DEFD}" type="pres">
      <dgm:prSet presAssocID="{84932CF7-7B99-4487-87C3-003B773DE58C}" presName="rootText3" presStyleLbl="asst2" presStyleIdx="0" presStyleCnt="8" custScaleY="129279" custLinFactNeighborX="-4053" custLinFactNeighborY="-9700">
        <dgm:presLayoutVars>
          <dgm:chPref val="3"/>
        </dgm:presLayoutVars>
      </dgm:prSet>
      <dgm:spPr>
        <a:prstGeom prst="roundRect">
          <a:avLst/>
        </a:prstGeom>
      </dgm:spPr>
    </dgm:pt>
    <dgm:pt modelId="{F30D6A9B-3B82-4A42-B5FC-B802A9F77DCB}" type="pres">
      <dgm:prSet presAssocID="{84932CF7-7B99-4487-87C3-003B773DE58C}" presName="rootConnector3" presStyleLbl="asst2" presStyleIdx="0" presStyleCnt="8"/>
      <dgm:spPr/>
    </dgm:pt>
    <dgm:pt modelId="{22779E5E-A640-408E-A5D6-F1FE6066613E}" type="pres">
      <dgm:prSet presAssocID="{84932CF7-7B99-4487-87C3-003B773DE58C}" presName="hierChild6" presStyleCnt="0"/>
      <dgm:spPr/>
    </dgm:pt>
    <dgm:pt modelId="{045DB48F-B80C-431D-B9ED-8B42AA72B90A}" type="pres">
      <dgm:prSet presAssocID="{84932CF7-7B99-4487-87C3-003B773DE58C}" presName="hierChild7" presStyleCnt="0"/>
      <dgm:spPr/>
    </dgm:pt>
    <dgm:pt modelId="{20CAC086-C07F-48C8-A080-01414C85CBAA}" type="pres">
      <dgm:prSet presAssocID="{19C8C47A-2BAB-4857-8161-655EDB7C956B}" presName="Name111" presStyleLbl="parChTrans1D3" presStyleIdx="1" presStyleCnt="6"/>
      <dgm:spPr/>
    </dgm:pt>
    <dgm:pt modelId="{013AC2B0-26D1-4C9A-ADEC-8E26D61C6077}" type="pres">
      <dgm:prSet presAssocID="{F01BBF4C-423F-4DF0-BE0C-DA94201FB44B}" presName="hierRoot3" presStyleCnt="0">
        <dgm:presLayoutVars>
          <dgm:hierBranch val="init"/>
        </dgm:presLayoutVars>
      </dgm:prSet>
      <dgm:spPr/>
    </dgm:pt>
    <dgm:pt modelId="{BA67094E-5AEE-4BA3-8608-2EE55E425396}" type="pres">
      <dgm:prSet presAssocID="{F01BBF4C-423F-4DF0-BE0C-DA94201FB44B}" presName="rootComposite3" presStyleCnt="0"/>
      <dgm:spPr/>
    </dgm:pt>
    <dgm:pt modelId="{861CA29E-A53F-4469-9700-008A9BD45F29}" type="pres">
      <dgm:prSet presAssocID="{F01BBF4C-423F-4DF0-BE0C-DA94201FB44B}" presName="rootText3" presStyleLbl="asst2" presStyleIdx="1" presStyleCnt="8" custScaleY="132615" custLinFactNeighborX="-61225" custLinFactNeighborY="-13022">
        <dgm:presLayoutVars>
          <dgm:chPref val="3"/>
        </dgm:presLayoutVars>
      </dgm:prSet>
      <dgm:spPr>
        <a:prstGeom prst="roundRect">
          <a:avLst/>
        </a:prstGeom>
      </dgm:spPr>
    </dgm:pt>
    <dgm:pt modelId="{C41816E4-B7B4-4AD9-B590-AC7468036D6A}" type="pres">
      <dgm:prSet presAssocID="{F01BBF4C-423F-4DF0-BE0C-DA94201FB44B}" presName="rootConnector3" presStyleLbl="asst2" presStyleIdx="1" presStyleCnt="8"/>
      <dgm:spPr/>
    </dgm:pt>
    <dgm:pt modelId="{48006171-3E72-41F1-8A60-5EAA36E2610C}" type="pres">
      <dgm:prSet presAssocID="{F01BBF4C-423F-4DF0-BE0C-DA94201FB44B}" presName="hierChild6" presStyleCnt="0"/>
      <dgm:spPr/>
    </dgm:pt>
    <dgm:pt modelId="{DB467C14-2495-4C1F-89AC-0815093BF1F6}" type="pres">
      <dgm:prSet presAssocID="{F01BBF4C-423F-4DF0-BE0C-DA94201FB44B}" presName="hierChild7" presStyleCnt="0"/>
      <dgm:spPr/>
    </dgm:pt>
    <dgm:pt modelId="{7F919FDF-D89F-4C77-BDB3-2350A6B06961}" type="pres">
      <dgm:prSet presAssocID="{6E96D036-09CA-48A4-BEB4-74CD3D729A86}" presName="Name111" presStyleLbl="parChTrans1D4" presStyleIdx="0" presStyleCnt="2"/>
      <dgm:spPr/>
    </dgm:pt>
    <dgm:pt modelId="{F325BB0F-DD68-4E40-B5C2-08C849A7D5C1}" type="pres">
      <dgm:prSet presAssocID="{848BFE13-6B00-4F64-B54E-76BD9ED29EE3}" presName="hierRoot3" presStyleCnt="0">
        <dgm:presLayoutVars>
          <dgm:hierBranch val="init"/>
        </dgm:presLayoutVars>
      </dgm:prSet>
      <dgm:spPr/>
    </dgm:pt>
    <dgm:pt modelId="{409BB22C-0AE8-4858-85E3-C0CFA72D4007}" type="pres">
      <dgm:prSet presAssocID="{848BFE13-6B00-4F64-B54E-76BD9ED29EE3}" presName="rootComposite3" presStyleCnt="0"/>
      <dgm:spPr/>
    </dgm:pt>
    <dgm:pt modelId="{8053D6A1-D374-436F-B5FA-3C9596A4EC5D}" type="pres">
      <dgm:prSet presAssocID="{848BFE13-6B00-4F64-B54E-76BD9ED29EE3}" presName="rootText3" presStyleLbl="asst2" presStyleIdx="2" presStyleCnt="8" custLinFactNeighborX="2411" custLinFactNeighborY="-11053">
        <dgm:presLayoutVars>
          <dgm:chPref val="3"/>
        </dgm:presLayoutVars>
      </dgm:prSet>
      <dgm:spPr>
        <a:prstGeom prst="roundRect">
          <a:avLst/>
        </a:prstGeom>
      </dgm:spPr>
    </dgm:pt>
    <dgm:pt modelId="{4352C461-C4FE-4A95-816F-21C9737CE627}" type="pres">
      <dgm:prSet presAssocID="{848BFE13-6B00-4F64-B54E-76BD9ED29EE3}" presName="rootConnector3" presStyleLbl="asst2" presStyleIdx="2" presStyleCnt="8"/>
      <dgm:spPr/>
    </dgm:pt>
    <dgm:pt modelId="{AD33C9CF-8C7B-4E24-8D5A-CF9797B4FE5B}" type="pres">
      <dgm:prSet presAssocID="{848BFE13-6B00-4F64-B54E-76BD9ED29EE3}" presName="hierChild6" presStyleCnt="0"/>
      <dgm:spPr/>
    </dgm:pt>
    <dgm:pt modelId="{0267D225-FD81-44AC-A7D9-0A70DF98459F}" type="pres">
      <dgm:prSet presAssocID="{848BFE13-6B00-4F64-B54E-76BD9ED29EE3}" presName="hierChild7" presStyleCnt="0"/>
      <dgm:spPr/>
    </dgm:pt>
    <dgm:pt modelId="{5250B382-4213-4FCE-BA46-B6C2F0DF88AD}" type="pres">
      <dgm:prSet presAssocID="{AC5AEB2E-87D3-4A85-9515-3158B7BDBC19}" presName="Name111" presStyleLbl="parChTrans1D3" presStyleIdx="2" presStyleCnt="6"/>
      <dgm:spPr/>
    </dgm:pt>
    <dgm:pt modelId="{2A359152-46F1-444F-8AA9-B6E4F0D512AB}" type="pres">
      <dgm:prSet presAssocID="{0640DFAF-B072-45B8-83E7-808B105922D9}" presName="hierRoot3" presStyleCnt="0">
        <dgm:presLayoutVars>
          <dgm:hierBranch val="init"/>
        </dgm:presLayoutVars>
      </dgm:prSet>
      <dgm:spPr/>
    </dgm:pt>
    <dgm:pt modelId="{8601CA63-C35D-4C70-A9DD-A6A83384FF5B}" type="pres">
      <dgm:prSet presAssocID="{0640DFAF-B072-45B8-83E7-808B105922D9}" presName="rootComposite3" presStyleCnt="0"/>
      <dgm:spPr/>
    </dgm:pt>
    <dgm:pt modelId="{C11208FD-16C5-441E-B932-04ADBA8D645B}" type="pres">
      <dgm:prSet presAssocID="{0640DFAF-B072-45B8-83E7-808B105922D9}" presName="rootText3" presStyleLbl="asst2" presStyleIdx="3" presStyleCnt="8" custScaleY="128135" custLinFactX="100000" custLinFactY="-126985" custLinFactNeighborX="144130" custLinFactNeighborY="-200000">
        <dgm:presLayoutVars>
          <dgm:chPref val="3"/>
        </dgm:presLayoutVars>
      </dgm:prSet>
      <dgm:spPr>
        <a:prstGeom prst="roundRect">
          <a:avLst/>
        </a:prstGeom>
      </dgm:spPr>
    </dgm:pt>
    <dgm:pt modelId="{D3FF019B-71AE-4C6A-903A-2A97139A2EB4}" type="pres">
      <dgm:prSet presAssocID="{0640DFAF-B072-45B8-83E7-808B105922D9}" presName="rootConnector3" presStyleLbl="asst2" presStyleIdx="3" presStyleCnt="8"/>
      <dgm:spPr/>
    </dgm:pt>
    <dgm:pt modelId="{BDFFDB52-90F1-4C22-9AD4-D75C26CE5035}" type="pres">
      <dgm:prSet presAssocID="{0640DFAF-B072-45B8-83E7-808B105922D9}" presName="hierChild6" presStyleCnt="0"/>
      <dgm:spPr/>
    </dgm:pt>
    <dgm:pt modelId="{6C6E511E-A875-4112-B5C9-6A90897529E6}" type="pres">
      <dgm:prSet presAssocID="{0640DFAF-B072-45B8-83E7-808B105922D9}" presName="hierChild7" presStyleCnt="0"/>
      <dgm:spPr/>
    </dgm:pt>
    <dgm:pt modelId="{5C2BBC6F-5894-40F3-B32E-7F39547EA021}" type="pres">
      <dgm:prSet presAssocID="{75AF0FAC-095C-4EE7-97D3-370E99852BD3}" presName="Name37" presStyleLbl="parChTrans1D2" presStyleIdx="1" presStyleCnt="5"/>
      <dgm:spPr/>
    </dgm:pt>
    <dgm:pt modelId="{DC888F96-B842-452C-947E-896BBA2DB777}" type="pres">
      <dgm:prSet presAssocID="{6ED9F08F-80D3-4F69-A7BC-E8495E376535}" presName="hierRoot2" presStyleCnt="0">
        <dgm:presLayoutVars>
          <dgm:hierBranch val="init"/>
        </dgm:presLayoutVars>
      </dgm:prSet>
      <dgm:spPr/>
    </dgm:pt>
    <dgm:pt modelId="{75B5EF29-1CE6-4758-8D60-E7E326E59824}" type="pres">
      <dgm:prSet presAssocID="{6ED9F08F-80D3-4F69-A7BC-E8495E376535}" presName="rootComposite" presStyleCnt="0"/>
      <dgm:spPr/>
    </dgm:pt>
    <dgm:pt modelId="{C8A6D74B-AEE6-4152-AFE6-ED6B5F9AFDD7}" type="pres">
      <dgm:prSet presAssocID="{6ED9F08F-80D3-4F69-A7BC-E8495E376535}" presName="rootText" presStyleLbl="node2" presStyleIdx="1" presStyleCnt="5" custLinFactNeighborX="8710" custLinFactNeighborY="9678">
        <dgm:presLayoutVars>
          <dgm:chPref val="3"/>
        </dgm:presLayoutVars>
      </dgm:prSet>
      <dgm:spPr>
        <a:prstGeom prst="roundRect">
          <a:avLst/>
        </a:prstGeom>
      </dgm:spPr>
    </dgm:pt>
    <dgm:pt modelId="{1069043A-9593-4EC7-BCF1-D7F3BD44CA56}" type="pres">
      <dgm:prSet presAssocID="{6ED9F08F-80D3-4F69-A7BC-E8495E376535}" presName="rootConnector" presStyleLbl="node2" presStyleIdx="1" presStyleCnt="5"/>
      <dgm:spPr/>
    </dgm:pt>
    <dgm:pt modelId="{5F96D154-066B-4D24-9EF8-C6CA9370D95D}" type="pres">
      <dgm:prSet presAssocID="{6ED9F08F-80D3-4F69-A7BC-E8495E376535}" presName="hierChild4" presStyleCnt="0"/>
      <dgm:spPr/>
    </dgm:pt>
    <dgm:pt modelId="{C44EA156-9581-4BB6-9F3E-4D201947E84C}" type="pres">
      <dgm:prSet presAssocID="{6ED9F08F-80D3-4F69-A7BC-E8495E376535}" presName="hierChild5" presStyleCnt="0"/>
      <dgm:spPr/>
    </dgm:pt>
    <dgm:pt modelId="{0F8D7DA5-0E48-44E3-8FA6-5F1F659D9CA1}" type="pres">
      <dgm:prSet presAssocID="{E401F1B3-AB66-42B9-BAA0-31D97F9BB90B}" presName="Name111" presStyleLbl="parChTrans1D3" presStyleIdx="3" presStyleCnt="6"/>
      <dgm:spPr/>
    </dgm:pt>
    <dgm:pt modelId="{2C381EB7-B3FE-4299-93DA-E941AA0AD003}" type="pres">
      <dgm:prSet presAssocID="{50475585-6ECA-4861-A60D-C7B6DE23A1E3}" presName="hierRoot3" presStyleCnt="0">
        <dgm:presLayoutVars>
          <dgm:hierBranch val="init"/>
        </dgm:presLayoutVars>
      </dgm:prSet>
      <dgm:spPr/>
    </dgm:pt>
    <dgm:pt modelId="{02567F99-EEDA-4F63-B8EB-5150261B7E1D}" type="pres">
      <dgm:prSet presAssocID="{50475585-6ECA-4861-A60D-C7B6DE23A1E3}" presName="rootComposite3" presStyleCnt="0"/>
      <dgm:spPr/>
    </dgm:pt>
    <dgm:pt modelId="{4F804961-697D-4455-95D9-AACEA874629B}" type="pres">
      <dgm:prSet presAssocID="{50475585-6ECA-4861-A60D-C7B6DE23A1E3}" presName="rootText3" presStyleLbl="asst2" presStyleIdx="4" presStyleCnt="8" custScaleY="137259" custLinFactNeighborX="69977" custLinFactNeighborY="-7779">
        <dgm:presLayoutVars>
          <dgm:chPref val="3"/>
        </dgm:presLayoutVars>
      </dgm:prSet>
      <dgm:spPr>
        <a:prstGeom prst="roundRect">
          <a:avLst/>
        </a:prstGeom>
      </dgm:spPr>
    </dgm:pt>
    <dgm:pt modelId="{E9A319C8-9C87-4126-B602-98FE96D2D01A}" type="pres">
      <dgm:prSet presAssocID="{50475585-6ECA-4861-A60D-C7B6DE23A1E3}" presName="rootConnector3" presStyleLbl="asst2" presStyleIdx="4" presStyleCnt="8"/>
      <dgm:spPr/>
    </dgm:pt>
    <dgm:pt modelId="{37F236DE-631D-4347-A42A-367A2EE69788}" type="pres">
      <dgm:prSet presAssocID="{50475585-6ECA-4861-A60D-C7B6DE23A1E3}" presName="hierChild6" presStyleCnt="0"/>
      <dgm:spPr/>
    </dgm:pt>
    <dgm:pt modelId="{E4574523-F3B1-45CA-A7DC-A4155CF4AF89}" type="pres">
      <dgm:prSet presAssocID="{50475585-6ECA-4861-A60D-C7B6DE23A1E3}" presName="hierChild7" presStyleCnt="0"/>
      <dgm:spPr/>
    </dgm:pt>
    <dgm:pt modelId="{D00817B4-B352-4C70-8057-E90B282459BF}" type="pres">
      <dgm:prSet presAssocID="{63B8D2CC-DAF8-49BA-946F-C900B991A5B0}" presName="Name111" presStyleLbl="parChTrans1D4" presStyleIdx="1" presStyleCnt="2"/>
      <dgm:spPr/>
    </dgm:pt>
    <dgm:pt modelId="{CD000F7E-D4B4-4A5A-9D7C-B5E534AC1266}" type="pres">
      <dgm:prSet presAssocID="{951B5E52-E52E-44BF-A0E4-4DE042CCDB5C}" presName="hierRoot3" presStyleCnt="0">
        <dgm:presLayoutVars>
          <dgm:hierBranch val="init"/>
        </dgm:presLayoutVars>
      </dgm:prSet>
      <dgm:spPr/>
    </dgm:pt>
    <dgm:pt modelId="{1FFB3875-06F3-48C2-A65D-FBF8ED911DB9}" type="pres">
      <dgm:prSet presAssocID="{951B5E52-E52E-44BF-A0E4-4DE042CCDB5C}" presName="rootComposite3" presStyleCnt="0"/>
      <dgm:spPr/>
    </dgm:pt>
    <dgm:pt modelId="{3AACCF87-3432-4DF7-A07F-AFF7F20FA4F9}" type="pres">
      <dgm:prSet presAssocID="{951B5E52-E52E-44BF-A0E4-4DE042CCDB5C}" presName="rootText3" presStyleLbl="asst2" presStyleIdx="5" presStyleCnt="8" custLinFactX="100000" custLinFactY="-63786" custLinFactNeighborX="148610" custLinFactNeighborY="-100000">
        <dgm:presLayoutVars>
          <dgm:chPref val="3"/>
        </dgm:presLayoutVars>
      </dgm:prSet>
      <dgm:spPr>
        <a:prstGeom prst="roundRect">
          <a:avLst/>
        </a:prstGeom>
      </dgm:spPr>
    </dgm:pt>
    <dgm:pt modelId="{D2896FEF-605D-4E66-B1E7-C48C7C4CCD0F}" type="pres">
      <dgm:prSet presAssocID="{951B5E52-E52E-44BF-A0E4-4DE042CCDB5C}" presName="rootConnector3" presStyleLbl="asst2" presStyleIdx="5" presStyleCnt="8"/>
      <dgm:spPr/>
    </dgm:pt>
    <dgm:pt modelId="{456098F8-55FA-43CC-A691-7CD815E7B652}" type="pres">
      <dgm:prSet presAssocID="{951B5E52-E52E-44BF-A0E4-4DE042CCDB5C}" presName="hierChild6" presStyleCnt="0"/>
      <dgm:spPr/>
    </dgm:pt>
    <dgm:pt modelId="{A0ED381C-77B4-4BEA-97F6-E789FCD74E58}" type="pres">
      <dgm:prSet presAssocID="{951B5E52-E52E-44BF-A0E4-4DE042CCDB5C}" presName="hierChild7" presStyleCnt="0"/>
      <dgm:spPr/>
    </dgm:pt>
    <dgm:pt modelId="{87022D1F-AFD7-49F3-BE02-FF10BBF9699E}" type="pres">
      <dgm:prSet presAssocID="{D8D92C11-B16B-4562-8B48-E544510D76A3}" presName="Name37" presStyleLbl="parChTrans1D2" presStyleIdx="2" presStyleCnt="5"/>
      <dgm:spPr/>
    </dgm:pt>
    <dgm:pt modelId="{9901BF71-A23A-4D83-92DA-4AE31A02B6F5}" type="pres">
      <dgm:prSet presAssocID="{FBEB2470-43BF-4305-AF37-DD4693EEF9D2}" presName="hierRoot2" presStyleCnt="0">
        <dgm:presLayoutVars>
          <dgm:hierBranch val="init"/>
        </dgm:presLayoutVars>
      </dgm:prSet>
      <dgm:spPr/>
    </dgm:pt>
    <dgm:pt modelId="{1222B11E-ADBA-4E0D-A482-B6DBEF07C2C7}" type="pres">
      <dgm:prSet presAssocID="{FBEB2470-43BF-4305-AF37-DD4693EEF9D2}" presName="rootComposite" presStyleCnt="0"/>
      <dgm:spPr/>
    </dgm:pt>
    <dgm:pt modelId="{8741EC06-4FA4-4333-B1CA-289332BC84C3}" type="pres">
      <dgm:prSet presAssocID="{FBEB2470-43BF-4305-AF37-DD4693EEF9D2}" presName="rootText" presStyleLbl="node2" presStyleIdx="2" presStyleCnt="5" custLinFactNeighborX="16549" custLinFactNeighborY="9678">
        <dgm:presLayoutVars>
          <dgm:chPref val="3"/>
        </dgm:presLayoutVars>
      </dgm:prSet>
      <dgm:spPr>
        <a:prstGeom prst="roundRect">
          <a:avLst/>
        </a:prstGeom>
      </dgm:spPr>
    </dgm:pt>
    <dgm:pt modelId="{89667016-0507-4372-91D0-5A8D7F725EDE}" type="pres">
      <dgm:prSet presAssocID="{FBEB2470-43BF-4305-AF37-DD4693EEF9D2}" presName="rootConnector" presStyleLbl="node2" presStyleIdx="2" presStyleCnt="5"/>
      <dgm:spPr/>
    </dgm:pt>
    <dgm:pt modelId="{5723EA59-8D79-40C9-8A9F-B610B88C0F3B}" type="pres">
      <dgm:prSet presAssocID="{FBEB2470-43BF-4305-AF37-DD4693EEF9D2}" presName="hierChild4" presStyleCnt="0"/>
      <dgm:spPr/>
    </dgm:pt>
    <dgm:pt modelId="{7A8C765A-A22A-41D6-B337-55A2B91E3138}" type="pres">
      <dgm:prSet presAssocID="{FBEB2470-43BF-4305-AF37-DD4693EEF9D2}" presName="hierChild5" presStyleCnt="0"/>
      <dgm:spPr/>
    </dgm:pt>
    <dgm:pt modelId="{24ABF71B-1FD6-4F3C-BBCF-AAF615AED89E}" type="pres">
      <dgm:prSet presAssocID="{A3488C1D-FCB2-4A71-81FC-8839F59CD17D}" presName="Name37" presStyleLbl="parChTrans1D2" presStyleIdx="3" presStyleCnt="5"/>
      <dgm:spPr/>
    </dgm:pt>
    <dgm:pt modelId="{8D904EDC-9E47-476C-AB72-B41179E694EC}" type="pres">
      <dgm:prSet presAssocID="{CFA53C4B-93A0-44CD-9358-820F366A2EB0}" presName="hierRoot2" presStyleCnt="0">
        <dgm:presLayoutVars>
          <dgm:hierBranch val="init"/>
        </dgm:presLayoutVars>
      </dgm:prSet>
      <dgm:spPr/>
    </dgm:pt>
    <dgm:pt modelId="{DA07D39A-61FB-4B40-AA19-609E3F2089C7}" type="pres">
      <dgm:prSet presAssocID="{CFA53C4B-93A0-44CD-9358-820F366A2EB0}" presName="rootComposite" presStyleCnt="0"/>
      <dgm:spPr/>
    </dgm:pt>
    <dgm:pt modelId="{57FCF109-7073-4819-9962-EA61742E8006}" type="pres">
      <dgm:prSet presAssocID="{CFA53C4B-93A0-44CD-9358-820F366A2EB0}" presName="rootText" presStyleLbl="node2" presStyleIdx="3" presStyleCnt="5" custLinFactNeighborX="26240" custLinFactNeighborY="9856">
        <dgm:presLayoutVars>
          <dgm:chPref val="3"/>
        </dgm:presLayoutVars>
      </dgm:prSet>
      <dgm:spPr>
        <a:prstGeom prst="roundRect">
          <a:avLst/>
        </a:prstGeom>
      </dgm:spPr>
    </dgm:pt>
    <dgm:pt modelId="{EE5DAB03-0DE5-4CC5-90B0-F38DFDEE5A90}" type="pres">
      <dgm:prSet presAssocID="{CFA53C4B-93A0-44CD-9358-820F366A2EB0}" presName="rootConnector" presStyleLbl="node2" presStyleIdx="3" presStyleCnt="5"/>
      <dgm:spPr/>
    </dgm:pt>
    <dgm:pt modelId="{A1086002-578E-44D6-AB96-1637F970A7C9}" type="pres">
      <dgm:prSet presAssocID="{CFA53C4B-93A0-44CD-9358-820F366A2EB0}" presName="hierChild4" presStyleCnt="0"/>
      <dgm:spPr/>
    </dgm:pt>
    <dgm:pt modelId="{5C876B17-B474-4C21-90C5-752ECE612209}" type="pres">
      <dgm:prSet presAssocID="{CFA53C4B-93A0-44CD-9358-820F366A2EB0}" presName="hierChild5" presStyleCnt="0"/>
      <dgm:spPr/>
    </dgm:pt>
    <dgm:pt modelId="{7C36A95F-0676-470D-901E-0F81E663568A}" type="pres">
      <dgm:prSet presAssocID="{EA12BCC1-3805-46FF-9DD7-00D3FE418F75}" presName="Name111" presStyleLbl="parChTrans1D3" presStyleIdx="4" presStyleCnt="6"/>
      <dgm:spPr/>
    </dgm:pt>
    <dgm:pt modelId="{0873F5DE-9320-4571-8FC6-75F8CCCF46CF}" type="pres">
      <dgm:prSet presAssocID="{5D9EB9A3-EC82-4CE6-B1A7-85F8DE500C3D}" presName="hierRoot3" presStyleCnt="0">
        <dgm:presLayoutVars>
          <dgm:hierBranch val="init"/>
        </dgm:presLayoutVars>
      </dgm:prSet>
      <dgm:spPr/>
    </dgm:pt>
    <dgm:pt modelId="{01734130-41C7-4EC6-B22C-62A7CA75727E}" type="pres">
      <dgm:prSet presAssocID="{5D9EB9A3-EC82-4CE6-B1A7-85F8DE500C3D}" presName="rootComposite3" presStyleCnt="0"/>
      <dgm:spPr/>
    </dgm:pt>
    <dgm:pt modelId="{74B02A63-B063-414E-A96F-D78C71211667}" type="pres">
      <dgm:prSet presAssocID="{5D9EB9A3-EC82-4CE6-B1A7-85F8DE500C3D}" presName="rootText3" presStyleLbl="asst2" presStyleIdx="6" presStyleCnt="8" custScaleX="107346" custScaleY="139539" custLinFactNeighborX="90403" custLinFactNeighborY="-12593">
        <dgm:presLayoutVars>
          <dgm:chPref val="3"/>
        </dgm:presLayoutVars>
      </dgm:prSet>
      <dgm:spPr>
        <a:prstGeom prst="roundRect">
          <a:avLst/>
        </a:prstGeom>
      </dgm:spPr>
    </dgm:pt>
    <dgm:pt modelId="{C8C09737-974C-4D7B-A128-B4611EE41ED3}" type="pres">
      <dgm:prSet presAssocID="{5D9EB9A3-EC82-4CE6-B1A7-85F8DE500C3D}" presName="rootConnector3" presStyleLbl="asst2" presStyleIdx="6" presStyleCnt="8"/>
      <dgm:spPr/>
    </dgm:pt>
    <dgm:pt modelId="{C98A9025-51D8-4DD1-9648-EE1AB8B6099A}" type="pres">
      <dgm:prSet presAssocID="{5D9EB9A3-EC82-4CE6-B1A7-85F8DE500C3D}" presName="hierChild6" presStyleCnt="0"/>
      <dgm:spPr/>
    </dgm:pt>
    <dgm:pt modelId="{754655EB-0332-4703-8D10-AD9F477FEDFB}" type="pres">
      <dgm:prSet presAssocID="{5D9EB9A3-EC82-4CE6-B1A7-85F8DE500C3D}" presName="hierChild7" presStyleCnt="0"/>
      <dgm:spPr/>
    </dgm:pt>
    <dgm:pt modelId="{F406C183-4E98-4B56-B59B-07E809910229}" type="pres">
      <dgm:prSet presAssocID="{F09113DC-E65E-485D-B05E-2EFB4BC58B6D}" presName="Name37" presStyleLbl="parChTrans1D2" presStyleIdx="4" presStyleCnt="5"/>
      <dgm:spPr/>
    </dgm:pt>
    <dgm:pt modelId="{B66B3B17-E81E-4B6C-AF1F-94139B25ACD6}" type="pres">
      <dgm:prSet presAssocID="{C0FFFB1A-D124-43F6-A320-FA96FC915FF4}" presName="hierRoot2" presStyleCnt="0">
        <dgm:presLayoutVars>
          <dgm:hierBranch val="init"/>
        </dgm:presLayoutVars>
      </dgm:prSet>
      <dgm:spPr/>
    </dgm:pt>
    <dgm:pt modelId="{D996A4F6-61C4-4AF1-A046-DF91E61C2FE8}" type="pres">
      <dgm:prSet presAssocID="{C0FFFB1A-D124-43F6-A320-FA96FC915FF4}" presName="rootComposite" presStyleCnt="0"/>
      <dgm:spPr/>
    </dgm:pt>
    <dgm:pt modelId="{64EF8D3F-D38B-4D05-B8FE-09B4294D7E71}" type="pres">
      <dgm:prSet presAssocID="{C0FFFB1A-D124-43F6-A320-FA96FC915FF4}" presName="rootText" presStyleLbl="node2" presStyleIdx="4" presStyleCnt="5" custScaleX="154197" custLinFactNeighborY="9678">
        <dgm:presLayoutVars>
          <dgm:chPref val="3"/>
        </dgm:presLayoutVars>
      </dgm:prSet>
      <dgm:spPr>
        <a:prstGeom prst="roundRect">
          <a:avLst/>
        </a:prstGeom>
      </dgm:spPr>
    </dgm:pt>
    <dgm:pt modelId="{9D3DC81B-0269-4C87-B9ED-2BFBA92F0CA0}" type="pres">
      <dgm:prSet presAssocID="{C0FFFB1A-D124-43F6-A320-FA96FC915FF4}" presName="rootConnector" presStyleLbl="node2" presStyleIdx="4" presStyleCnt="5"/>
      <dgm:spPr/>
    </dgm:pt>
    <dgm:pt modelId="{730026A8-308D-42AC-A681-613D9883C0AC}" type="pres">
      <dgm:prSet presAssocID="{C0FFFB1A-D124-43F6-A320-FA96FC915FF4}" presName="hierChild4" presStyleCnt="0"/>
      <dgm:spPr/>
    </dgm:pt>
    <dgm:pt modelId="{9F662AE3-2CEB-4DA8-B570-780E808C613A}" type="pres">
      <dgm:prSet presAssocID="{C0FFFB1A-D124-43F6-A320-FA96FC915FF4}" presName="hierChild5" presStyleCnt="0"/>
      <dgm:spPr/>
    </dgm:pt>
    <dgm:pt modelId="{F9219E21-041F-410D-9FF7-68E065469173}" type="pres">
      <dgm:prSet presAssocID="{A6A30B9B-F4A7-4BFD-87BD-868A7BC0B960}" presName="Name111" presStyleLbl="parChTrans1D3" presStyleIdx="5" presStyleCnt="6"/>
      <dgm:spPr/>
    </dgm:pt>
    <dgm:pt modelId="{FAFFBE46-E6AF-421D-B9F9-628AE91598C0}" type="pres">
      <dgm:prSet presAssocID="{590BA9C5-4FFD-40E7-8DC0-CB9AF0300E22}" presName="hierRoot3" presStyleCnt="0">
        <dgm:presLayoutVars>
          <dgm:hierBranch val="init"/>
        </dgm:presLayoutVars>
      </dgm:prSet>
      <dgm:spPr/>
    </dgm:pt>
    <dgm:pt modelId="{1229DF74-38B2-453D-9EEE-0165C3038458}" type="pres">
      <dgm:prSet presAssocID="{590BA9C5-4FFD-40E7-8DC0-CB9AF0300E22}" presName="rootComposite3" presStyleCnt="0"/>
      <dgm:spPr/>
    </dgm:pt>
    <dgm:pt modelId="{16726877-3164-4FD2-9FCC-3E411A02F878}" type="pres">
      <dgm:prSet presAssocID="{590BA9C5-4FFD-40E7-8DC0-CB9AF0300E22}" presName="rootText3" presStyleLbl="asst2" presStyleIdx="7" presStyleCnt="8" custScaleX="159002" custScaleY="131462" custLinFactNeighborX="92314" custLinFactNeighborY="-14026">
        <dgm:presLayoutVars>
          <dgm:chPref val="3"/>
        </dgm:presLayoutVars>
      </dgm:prSet>
      <dgm:spPr>
        <a:prstGeom prst="roundRect">
          <a:avLst/>
        </a:prstGeom>
      </dgm:spPr>
    </dgm:pt>
    <dgm:pt modelId="{BB3C5AE8-7783-4D72-9FF3-F22C5BCED606}" type="pres">
      <dgm:prSet presAssocID="{590BA9C5-4FFD-40E7-8DC0-CB9AF0300E22}" presName="rootConnector3" presStyleLbl="asst2" presStyleIdx="7" presStyleCnt="8"/>
      <dgm:spPr/>
    </dgm:pt>
    <dgm:pt modelId="{A571CA09-2BA3-43AA-A1ED-BC3B9EBBB029}" type="pres">
      <dgm:prSet presAssocID="{590BA9C5-4FFD-40E7-8DC0-CB9AF0300E22}" presName="hierChild6" presStyleCnt="0"/>
      <dgm:spPr/>
    </dgm:pt>
    <dgm:pt modelId="{9C102032-F287-4E56-9B36-2DA0D9C0272C}" type="pres">
      <dgm:prSet presAssocID="{590BA9C5-4FFD-40E7-8DC0-CB9AF0300E22}" presName="hierChild7" presStyleCnt="0"/>
      <dgm:spPr/>
    </dgm:pt>
    <dgm:pt modelId="{87B7FCE6-D9C5-4EAF-AB30-B45B1A6F7418}" type="pres">
      <dgm:prSet presAssocID="{8BE2C8EA-0D44-4A27-A9D0-B38140676A58}" presName="hierChild3" presStyleCnt="0"/>
      <dgm:spPr/>
    </dgm:pt>
    <dgm:pt modelId="{5B054D4D-1B05-4FC3-B007-3020B5D2600A}" type="pres">
      <dgm:prSet presAssocID="{467EEC28-9AF3-4FCB-B4CC-64544211C639}" presName="hierRoot1" presStyleCnt="0">
        <dgm:presLayoutVars>
          <dgm:hierBranch val="init"/>
        </dgm:presLayoutVars>
      </dgm:prSet>
      <dgm:spPr/>
    </dgm:pt>
    <dgm:pt modelId="{91E71DD5-D913-4566-A927-C9A3C6C40932}" type="pres">
      <dgm:prSet presAssocID="{467EEC28-9AF3-4FCB-B4CC-64544211C639}" presName="rootComposite1" presStyleCnt="0"/>
      <dgm:spPr/>
    </dgm:pt>
    <dgm:pt modelId="{F1D48B13-858E-42EB-A61A-5D90F1BCD36E}" type="pres">
      <dgm:prSet presAssocID="{467EEC28-9AF3-4FCB-B4CC-64544211C639}" presName="rootText1" presStyleLbl="node0" presStyleIdx="1" presStyleCnt="3" custLinFactNeighborX="-27809" custLinFactNeighborY="1004">
        <dgm:presLayoutVars>
          <dgm:chPref val="3"/>
        </dgm:presLayoutVars>
      </dgm:prSet>
      <dgm:spPr>
        <a:prstGeom prst="roundRect">
          <a:avLst/>
        </a:prstGeom>
      </dgm:spPr>
    </dgm:pt>
    <dgm:pt modelId="{ED395E29-0D8C-4BCA-B772-9B9218287DDF}" type="pres">
      <dgm:prSet presAssocID="{467EEC28-9AF3-4FCB-B4CC-64544211C639}" presName="rootConnector1" presStyleLbl="node1" presStyleIdx="0" presStyleCnt="0"/>
      <dgm:spPr/>
    </dgm:pt>
    <dgm:pt modelId="{B92A9638-A2A3-4CA7-AC4C-0C45572625F9}" type="pres">
      <dgm:prSet presAssocID="{467EEC28-9AF3-4FCB-B4CC-64544211C639}" presName="hierChild2" presStyleCnt="0"/>
      <dgm:spPr/>
    </dgm:pt>
    <dgm:pt modelId="{DD9BA41C-D086-4A8B-BC14-7F31241CF9F5}" type="pres">
      <dgm:prSet presAssocID="{467EEC28-9AF3-4FCB-B4CC-64544211C639}" presName="hierChild3" presStyleCnt="0"/>
      <dgm:spPr/>
    </dgm:pt>
    <dgm:pt modelId="{B10CFA04-1F0B-4E7E-89D5-5F4E493BDAFA}" type="pres">
      <dgm:prSet presAssocID="{3A00A79A-9B22-4BDA-92B3-858E91A8A2AE}" presName="hierRoot1" presStyleCnt="0">
        <dgm:presLayoutVars>
          <dgm:hierBranch val="init"/>
        </dgm:presLayoutVars>
      </dgm:prSet>
      <dgm:spPr/>
    </dgm:pt>
    <dgm:pt modelId="{0D93C2CE-3941-4B92-861D-5E2B4F7ACCB7}" type="pres">
      <dgm:prSet presAssocID="{3A00A79A-9B22-4BDA-92B3-858E91A8A2AE}" presName="rootComposite1" presStyleCnt="0"/>
      <dgm:spPr/>
    </dgm:pt>
    <dgm:pt modelId="{241B9FB8-7892-4C98-8961-C66D5D3E7A40}" type="pres">
      <dgm:prSet presAssocID="{3A00A79A-9B22-4BDA-92B3-858E91A8A2AE}" presName="rootText1" presStyleLbl="node0" presStyleIdx="2" presStyleCnt="3" custLinFactX="90609" custLinFactNeighborX="100000" custLinFactNeighborY="1498">
        <dgm:presLayoutVars>
          <dgm:chPref val="3"/>
        </dgm:presLayoutVars>
      </dgm:prSet>
      <dgm:spPr>
        <a:prstGeom prst="roundRect">
          <a:avLst/>
        </a:prstGeom>
      </dgm:spPr>
    </dgm:pt>
    <dgm:pt modelId="{0AFA8487-D104-4EA0-A8A1-585C9588B166}" type="pres">
      <dgm:prSet presAssocID="{3A00A79A-9B22-4BDA-92B3-858E91A8A2AE}" presName="rootConnector1" presStyleLbl="node1" presStyleIdx="0" presStyleCnt="0"/>
      <dgm:spPr/>
    </dgm:pt>
    <dgm:pt modelId="{0DB44138-46D9-4D19-9F85-AD75BEB733F1}" type="pres">
      <dgm:prSet presAssocID="{3A00A79A-9B22-4BDA-92B3-858E91A8A2AE}" presName="hierChild2" presStyleCnt="0"/>
      <dgm:spPr/>
    </dgm:pt>
    <dgm:pt modelId="{7D81068C-7C73-4D83-90D7-9EF674AE198F}" type="pres">
      <dgm:prSet presAssocID="{3A00A79A-9B22-4BDA-92B3-858E91A8A2AE}" presName="hierChild3" presStyleCnt="0"/>
      <dgm:spPr/>
    </dgm:pt>
  </dgm:ptLst>
  <dgm:cxnLst>
    <dgm:cxn modelId="{70D39F01-8F85-41FA-8EC5-F23AB6B5FE98}" srcId="{E5FD4637-B555-45E6-9971-95C9FCC76A2C}" destId="{3A00A79A-9B22-4BDA-92B3-858E91A8A2AE}" srcOrd="2" destOrd="0" parTransId="{B74F9B39-4849-4D0F-A5D6-5A75B15423E6}" sibTransId="{55DE07C7-8DB9-4E31-B404-7FB5A569CC18}"/>
    <dgm:cxn modelId="{91447D03-AF4D-4349-8AF1-637C867AF297}" type="presOf" srcId="{3535A26C-C986-48E8-8991-3D62A21EC355}" destId="{D6A60ED0-BC76-42E9-9640-974EEA51D238}" srcOrd="1" destOrd="0" presId="urn:microsoft.com/office/officeart/2005/8/layout/orgChart1"/>
    <dgm:cxn modelId="{009E6A07-1861-489B-A6EC-071EDE65EA68}" type="presOf" srcId="{5D9EB9A3-EC82-4CE6-B1A7-85F8DE500C3D}" destId="{74B02A63-B063-414E-A96F-D78C71211667}" srcOrd="0" destOrd="0" presId="urn:microsoft.com/office/officeart/2005/8/layout/orgChart1"/>
    <dgm:cxn modelId="{6414D109-79F1-4F7E-9B6E-6761F76CA648}" type="presOf" srcId="{C0FFFB1A-D124-43F6-A320-FA96FC915FF4}" destId="{64EF8D3F-D38B-4D05-B8FE-09B4294D7E71}" srcOrd="0" destOrd="0" presId="urn:microsoft.com/office/officeart/2005/8/layout/orgChart1"/>
    <dgm:cxn modelId="{81D5280D-7B90-44BF-A042-AA87BD6D9E96}" type="presOf" srcId="{F09113DC-E65E-485D-B05E-2EFB4BC58B6D}" destId="{F406C183-4E98-4B56-B59B-07E809910229}" srcOrd="0" destOrd="0" presId="urn:microsoft.com/office/officeart/2005/8/layout/orgChart1"/>
    <dgm:cxn modelId="{F2CF7615-EE18-4D89-959A-20C4101A5FC7}" type="presOf" srcId="{6E96D036-09CA-48A4-BEB4-74CD3D729A86}" destId="{7F919FDF-D89F-4C77-BDB3-2350A6B06961}" srcOrd="0" destOrd="0" presId="urn:microsoft.com/office/officeart/2005/8/layout/orgChart1"/>
    <dgm:cxn modelId="{C13DA315-FBD6-461A-8BE8-6A1BC76FF95F}" type="presOf" srcId="{3535A26C-C986-48E8-8991-3D62A21EC355}" destId="{CDD7FD1E-2B0D-4605-952D-0712AB9C21D3}" srcOrd="0" destOrd="0" presId="urn:microsoft.com/office/officeart/2005/8/layout/orgChart1"/>
    <dgm:cxn modelId="{4F79EC16-E723-4641-9CF8-DADEFECE3B35}" type="presOf" srcId="{33EEBEF6-B88A-46CF-B7D8-71D11B3E99B8}" destId="{E2659B26-7AAB-4735-8512-8706C704298A}" srcOrd="0" destOrd="0" presId="urn:microsoft.com/office/officeart/2005/8/layout/orgChart1"/>
    <dgm:cxn modelId="{AF43E419-CF7E-4F3A-8B26-71B3F0974BA9}" type="presOf" srcId="{590BA9C5-4FFD-40E7-8DC0-CB9AF0300E22}" destId="{BB3C5AE8-7783-4D72-9FF3-F22C5BCED606}" srcOrd="1" destOrd="0" presId="urn:microsoft.com/office/officeart/2005/8/layout/orgChart1"/>
    <dgm:cxn modelId="{3E8BB81D-C0EA-4FFA-9BF3-C09C6648B805}" type="presOf" srcId="{951B5E52-E52E-44BF-A0E4-4DE042CCDB5C}" destId="{D2896FEF-605D-4E66-B1E7-C48C7C4CCD0F}" srcOrd="1" destOrd="0" presId="urn:microsoft.com/office/officeart/2005/8/layout/orgChart1"/>
    <dgm:cxn modelId="{191FCF20-92BE-4090-8FD5-96958253DAE0}" type="presOf" srcId="{F9A074D6-6FBB-44F8-99C0-F66C7222B600}" destId="{DABC59DD-12B0-46D8-819A-EA193EA9D23C}" srcOrd="0" destOrd="0" presId="urn:microsoft.com/office/officeart/2005/8/layout/orgChart1"/>
    <dgm:cxn modelId="{FCA05224-6D51-433F-AA12-69DB8D1FA0D4}" type="presOf" srcId="{848BFE13-6B00-4F64-B54E-76BD9ED29EE3}" destId="{8053D6A1-D374-436F-B5FA-3C9596A4EC5D}" srcOrd="0" destOrd="0" presId="urn:microsoft.com/office/officeart/2005/8/layout/orgChart1"/>
    <dgm:cxn modelId="{C3E9DD29-F23B-4B28-A48E-4DC9A9BBC8CA}" type="presOf" srcId="{467EEC28-9AF3-4FCB-B4CC-64544211C639}" destId="{ED395E29-0D8C-4BCA-B772-9B9218287DDF}" srcOrd="1" destOrd="0" presId="urn:microsoft.com/office/officeart/2005/8/layout/orgChart1"/>
    <dgm:cxn modelId="{4464992C-4FCC-4638-B4CA-95563A919230}" type="presOf" srcId="{0640DFAF-B072-45B8-83E7-808B105922D9}" destId="{D3FF019B-71AE-4C6A-903A-2A97139A2EB4}" srcOrd="1" destOrd="0" presId="urn:microsoft.com/office/officeart/2005/8/layout/orgChart1"/>
    <dgm:cxn modelId="{EA707336-DF52-467F-96F9-6E37ACAC971B}" type="presOf" srcId="{F01BBF4C-423F-4DF0-BE0C-DA94201FB44B}" destId="{C41816E4-B7B4-4AD9-B590-AC7468036D6A}" srcOrd="1" destOrd="0" presId="urn:microsoft.com/office/officeart/2005/8/layout/orgChart1"/>
    <dgm:cxn modelId="{7DFE873A-B62E-4C02-A5F1-24BB937879E9}" srcId="{8BE2C8EA-0D44-4A27-A9D0-B38140676A58}" destId="{FBEB2470-43BF-4305-AF37-DD4693EEF9D2}" srcOrd="2" destOrd="0" parTransId="{D8D92C11-B16B-4562-8B48-E544510D76A3}" sibTransId="{CED89EF2-A9F8-4AC9-92EA-83ABB981067E}"/>
    <dgm:cxn modelId="{BEB2B73F-9032-4CF2-AA37-DBA7D0048D2D}" type="presOf" srcId="{6ED9F08F-80D3-4F69-A7BC-E8495E376535}" destId="{C8A6D74B-AEE6-4152-AFE6-ED6B5F9AFDD7}" srcOrd="0" destOrd="0" presId="urn:microsoft.com/office/officeart/2005/8/layout/orgChart1"/>
    <dgm:cxn modelId="{4234E33F-7FC8-42FB-8ADC-EE105CA137AE}" type="presOf" srcId="{AC5AEB2E-87D3-4A85-9515-3158B7BDBC19}" destId="{5250B382-4213-4FCE-BA46-B6C2F0DF88AD}" srcOrd="0" destOrd="0" presId="urn:microsoft.com/office/officeart/2005/8/layout/orgChart1"/>
    <dgm:cxn modelId="{B0348C5B-15F0-4225-AA77-59A7BBF5ED07}" srcId="{50475585-6ECA-4861-A60D-C7B6DE23A1E3}" destId="{951B5E52-E52E-44BF-A0E4-4DE042CCDB5C}" srcOrd="0" destOrd="0" parTransId="{63B8D2CC-DAF8-49BA-946F-C900B991A5B0}" sibTransId="{22AFB876-B382-4D3D-93FB-964DF317657F}"/>
    <dgm:cxn modelId="{BB9CFD46-7673-4B19-BB67-9A9E561C7C3D}" type="presOf" srcId="{8BE2C8EA-0D44-4A27-A9D0-B38140676A58}" destId="{27F89C6E-08B7-4F20-B426-ACAA9115A4A1}" srcOrd="1" destOrd="0" presId="urn:microsoft.com/office/officeart/2005/8/layout/orgChart1"/>
    <dgm:cxn modelId="{A22B1F49-EB7B-4453-8BD3-2636D10F4029}" type="presOf" srcId="{590BA9C5-4FFD-40E7-8DC0-CB9AF0300E22}" destId="{16726877-3164-4FD2-9FCC-3E411A02F878}" srcOrd="0" destOrd="0" presId="urn:microsoft.com/office/officeart/2005/8/layout/orgChart1"/>
    <dgm:cxn modelId="{D61CA069-3B96-4B58-820E-69E5BEBB5010}" type="presOf" srcId="{5D9EB9A3-EC82-4CE6-B1A7-85F8DE500C3D}" destId="{C8C09737-974C-4D7B-A128-B4611EE41ED3}" srcOrd="1" destOrd="0" presId="urn:microsoft.com/office/officeart/2005/8/layout/orgChart1"/>
    <dgm:cxn modelId="{0DFDC150-4A75-40AE-A4CA-89A4DF630B0D}" srcId="{E5FD4637-B555-45E6-9971-95C9FCC76A2C}" destId="{8BE2C8EA-0D44-4A27-A9D0-B38140676A58}" srcOrd="0" destOrd="0" parTransId="{E6480D84-E51D-41AD-BE12-50786C7F31A0}" sibTransId="{FE734BC3-0DE1-40A1-9CC4-2B651B5518F2}"/>
    <dgm:cxn modelId="{91E8E054-F925-45C7-A4BB-E5EF6E47B24F}" srcId="{C0FFFB1A-D124-43F6-A320-FA96FC915FF4}" destId="{590BA9C5-4FFD-40E7-8DC0-CB9AF0300E22}" srcOrd="0" destOrd="0" parTransId="{A6A30B9B-F4A7-4BFD-87BD-868A7BC0B960}" sibTransId="{294B55DD-0534-4542-9B2F-7D93569C3148}"/>
    <dgm:cxn modelId="{32B02781-4E40-4B54-AB49-7E2BED80C5DE}" srcId="{F01BBF4C-423F-4DF0-BE0C-DA94201FB44B}" destId="{848BFE13-6B00-4F64-B54E-76BD9ED29EE3}" srcOrd="0" destOrd="0" parTransId="{6E96D036-09CA-48A4-BEB4-74CD3D729A86}" sibTransId="{A59A45D5-4D31-43EC-8725-A0D3ABF3309E}"/>
    <dgm:cxn modelId="{C9F1888C-950E-40EE-A460-AD12F8B8EB04}" type="presOf" srcId="{D8D92C11-B16B-4562-8B48-E544510D76A3}" destId="{87022D1F-AFD7-49F3-BE02-FF10BBF9699E}" srcOrd="0" destOrd="0" presId="urn:microsoft.com/office/officeart/2005/8/layout/orgChart1"/>
    <dgm:cxn modelId="{2714E98E-0FEE-484E-B9C0-F3C7FC5914FF}" type="presOf" srcId="{19C8C47A-2BAB-4857-8161-655EDB7C956B}" destId="{20CAC086-C07F-48C8-A080-01414C85CBAA}" srcOrd="0" destOrd="0" presId="urn:microsoft.com/office/officeart/2005/8/layout/orgChart1"/>
    <dgm:cxn modelId="{5E48AB90-76A2-4B7E-AE09-DCC4E24E3546}" srcId="{CFA53C4B-93A0-44CD-9358-820F366A2EB0}" destId="{5D9EB9A3-EC82-4CE6-B1A7-85F8DE500C3D}" srcOrd="0" destOrd="0" parTransId="{EA12BCC1-3805-46FF-9DD7-00D3FE418F75}" sibTransId="{FC1CFB86-7B3B-4876-9A21-F205C8B0B6AC}"/>
    <dgm:cxn modelId="{11B0E892-3197-441A-BA7A-A878BD2321ED}" type="presOf" srcId="{CFA53C4B-93A0-44CD-9358-820F366A2EB0}" destId="{EE5DAB03-0DE5-4CC5-90B0-F38DFDEE5A90}" srcOrd="1" destOrd="0" presId="urn:microsoft.com/office/officeart/2005/8/layout/orgChart1"/>
    <dgm:cxn modelId="{EE98079D-0CFD-465C-A52D-E45C4C16A993}" srcId="{3535A26C-C986-48E8-8991-3D62A21EC355}" destId="{F01BBF4C-423F-4DF0-BE0C-DA94201FB44B}" srcOrd="1" destOrd="0" parTransId="{19C8C47A-2BAB-4857-8161-655EDB7C956B}" sibTransId="{F595BAAE-C82D-4026-8541-CD443126F3E8}"/>
    <dgm:cxn modelId="{25EB079D-9F09-4344-8A21-5FDD866755F9}" type="presOf" srcId="{CFA53C4B-93A0-44CD-9358-820F366A2EB0}" destId="{57FCF109-7073-4819-9962-EA61742E8006}" srcOrd="0" destOrd="0" presId="urn:microsoft.com/office/officeart/2005/8/layout/orgChart1"/>
    <dgm:cxn modelId="{EF41579D-E613-4709-A626-907C025CC7AF}" type="presOf" srcId="{75AF0FAC-095C-4EE7-97D3-370E99852BD3}" destId="{5C2BBC6F-5894-40F3-B32E-7F39547EA021}" srcOrd="0" destOrd="0" presId="urn:microsoft.com/office/officeart/2005/8/layout/orgChart1"/>
    <dgm:cxn modelId="{0849E5A0-2634-4D71-8BB4-18FAB793DFDE}" type="presOf" srcId="{8BE2C8EA-0D44-4A27-A9D0-B38140676A58}" destId="{34801174-F5FA-4655-B4D6-398E6A8E365F}" srcOrd="0" destOrd="0" presId="urn:microsoft.com/office/officeart/2005/8/layout/orgChart1"/>
    <dgm:cxn modelId="{E7DAFEA0-DF85-4419-A6F9-E12A4699D5B9}" type="presOf" srcId="{F01BBF4C-423F-4DF0-BE0C-DA94201FB44B}" destId="{861CA29E-A53F-4469-9700-008A9BD45F29}" srcOrd="0" destOrd="0" presId="urn:microsoft.com/office/officeart/2005/8/layout/orgChart1"/>
    <dgm:cxn modelId="{AFD9EEA4-AC7D-4611-B291-5D7D8BEAEA6F}" type="presOf" srcId="{3A00A79A-9B22-4BDA-92B3-858E91A8A2AE}" destId="{241B9FB8-7892-4C98-8961-C66D5D3E7A40}" srcOrd="0" destOrd="0" presId="urn:microsoft.com/office/officeart/2005/8/layout/orgChart1"/>
    <dgm:cxn modelId="{E63AE9A5-7AD1-4A52-997A-9C609B7B96EA}" type="presOf" srcId="{467EEC28-9AF3-4FCB-B4CC-64544211C639}" destId="{F1D48B13-858E-42EB-A61A-5D90F1BCD36E}" srcOrd="0" destOrd="0" presId="urn:microsoft.com/office/officeart/2005/8/layout/orgChart1"/>
    <dgm:cxn modelId="{4140A7A7-C70A-430F-9D09-5EF5954BB7A5}" srcId="{3535A26C-C986-48E8-8991-3D62A21EC355}" destId="{84932CF7-7B99-4487-87C3-003B773DE58C}" srcOrd="0" destOrd="0" parTransId="{33EEBEF6-B88A-46CF-B7D8-71D11B3E99B8}" sibTransId="{4CFBB572-4BEA-4C7E-8172-9067C624167D}"/>
    <dgm:cxn modelId="{B9BFE5AA-2450-47EB-B39A-25A333E24C00}" type="presOf" srcId="{84932CF7-7B99-4487-87C3-003B773DE58C}" destId="{F30D6A9B-3B82-4A42-B5FC-B802A9F77DCB}" srcOrd="1" destOrd="0" presId="urn:microsoft.com/office/officeart/2005/8/layout/orgChart1"/>
    <dgm:cxn modelId="{084879AD-2668-48AF-BABC-F72615CBB7AA}" srcId="{8BE2C8EA-0D44-4A27-A9D0-B38140676A58}" destId="{CFA53C4B-93A0-44CD-9358-820F366A2EB0}" srcOrd="3" destOrd="0" parTransId="{A3488C1D-FCB2-4A71-81FC-8839F59CD17D}" sibTransId="{3F50D5AA-D608-4CCA-AE29-3339C9EC4530}"/>
    <dgm:cxn modelId="{538100B0-E385-4E4A-A61E-0721151F7212}" type="presOf" srcId="{63B8D2CC-DAF8-49BA-946F-C900B991A5B0}" destId="{D00817B4-B352-4C70-8057-E90B282459BF}" srcOrd="0" destOrd="0" presId="urn:microsoft.com/office/officeart/2005/8/layout/orgChart1"/>
    <dgm:cxn modelId="{B62D65B0-7D30-4E5B-B1BF-85501A58C9A9}" type="presOf" srcId="{951B5E52-E52E-44BF-A0E4-4DE042CCDB5C}" destId="{3AACCF87-3432-4DF7-A07F-AFF7F20FA4F9}" srcOrd="0" destOrd="0" presId="urn:microsoft.com/office/officeart/2005/8/layout/orgChart1"/>
    <dgm:cxn modelId="{C4F0B2B7-2DB9-4919-83D1-26E321285F0E}" type="presOf" srcId="{84932CF7-7B99-4487-87C3-003B773DE58C}" destId="{614F656E-CB90-410D-ADC7-868BD967DEFD}" srcOrd="0" destOrd="0" presId="urn:microsoft.com/office/officeart/2005/8/layout/orgChart1"/>
    <dgm:cxn modelId="{3CB1DBB8-52D0-4806-8B8F-4E26DE2CA94B}" type="presOf" srcId="{E5FD4637-B555-45E6-9971-95C9FCC76A2C}" destId="{12655B61-E2C1-4C71-9C07-0823C3D679DE}" srcOrd="0" destOrd="0" presId="urn:microsoft.com/office/officeart/2005/8/layout/orgChart1"/>
    <dgm:cxn modelId="{94E7F1B9-5131-43F9-866D-B94039B2932A}" type="presOf" srcId="{50475585-6ECA-4861-A60D-C7B6DE23A1E3}" destId="{4F804961-697D-4455-95D9-AACEA874629B}" srcOrd="0" destOrd="0" presId="urn:microsoft.com/office/officeart/2005/8/layout/orgChart1"/>
    <dgm:cxn modelId="{946ADCC4-3815-4A10-BCFE-A854E3A152D5}" type="presOf" srcId="{848BFE13-6B00-4F64-B54E-76BD9ED29EE3}" destId="{4352C461-C4FE-4A95-816F-21C9737CE627}" srcOrd="1" destOrd="0" presId="urn:microsoft.com/office/officeart/2005/8/layout/orgChart1"/>
    <dgm:cxn modelId="{14D8D9C6-99D6-4E24-91B6-E925CB32EF17}" type="presOf" srcId="{3A00A79A-9B22-4BDA-92B3-858E91A8A2AE}" destId="{0AFA8487-D104-4EA0-A8A1-585C9588B166}" srcOrd="1" destOrd="0" presId="urn:microsoft.com/office/officeart/2005/8/layout/orgChart1"/>
    <dgm:cxn modelId="{7B72F4CD-66A7-4931-9C61-94BD8200EB15}" srcId="{8BE2C8EA-0D44-4A27-A9D0-B38140676A58}" destId="{C0FFFB1A-D124-43F6-A320-FA96FC915FF4}" srcOrd="4" destOrd="0" parTransId="{F09113DC-E65E-485D-B05E-2EFB4BC58B6D}" sibTransId="{D9E4913B-53F5-4351-B674-3FD5861A1E40}"/>
    <dgm:cxn modelId="{A5139BD3-0AD1-437A-92C2-17A9C3738056}" srcId="{6ED9F08F-80D3-4F69-A7BC-E8495E376535}" destId="{50475585-6ECA-4861-A60D-C7B6DE23A1E3}" srcOrd="0" destOrd="0" parTransId="{E401F1B3-AB66-42B9-BAA0-31D97F9BB90B}" sibTransId="{B80F9FB8-F472-4E15-A385-A9DEF069AF1D}"/>
    <dgm:cxn modelId="{D74018D8-6813-4ECD-997C-170BA26780D6}" type="presOf" srcId="{50475585-6ECA-4861-A60D-C7B6DE23A1E3}" destId="{E9A319C8-9C87-4126-B602-98FE96D2D01A}" srcOrd="1" destOrd="0" presId="urn:microsoft.com/office/officeart/2005/8/layout/orgChart1"/>
    <dgm:cxn modelId="{2CEA21D9-2360-4D5B-9D62-317FA89DA82C}" srcId="{8BE2C8EA-0D44-4A27-A9D0-B38140676A58}" destId="{3535A26C-C986-48E8-8991-3D62A21EC355}" srcOrd="0" destOrd="0" parTransId="{F9A074D6-6FBB-44F8-99C0-F66C7222B600}" sibTransId="{7D0F865C-21ED-42CD-B38D-ACE81B7DFA5C}"/>
    <dgm:cxn modelId="{AEBEC8DB-EDB3-40C1-AD79-D0EB29E8A43A}" type="presOf" srcId="{A6A30B9B-F4A7-4BFD-87BD-868A7BC0B960}" destId="{F9219E21-041F-410D-9FF7-68E065469173}" srcOrd="0" destOrd="0" presId="urn:microsoft.com/office/officeart/2005/8/layout/orgChart1"/>
    <dgm:cxn modelId="{F5E35ADE-4DFA-435E-A093-E706E549708C}" type="presOf" srcId="{A3488C1D-FCB2-4A71-81FC-8839F59CD17D}" destId="{24ABF71B-1FD6-4F3C-BBCF-AAF615AED89E}" srcOrd="0" destOrd="0" presId="urn:microsoft.com/office/officeart/2005/8/layout/orgChart1"/>
    <dgm:cxn modelId="{FEA164DF-F154-401C-ABD8-67AD3FC7E198}" type="presOf" srcId="{FBEB2470-43BF-4305-AF37-DD4693EEF9D2}" destId="{8741EC06-4FA4-4333-B1CA-289332BC84C3}" srcOrd="0" destOrd="0" presId="urn:microsoft.com/office/officeart/2005/8/layout/orgChart1"/>
    <dgm:cxn modelId="{93B90BE0-32FF-4A64-8A83-AF8EDACB2F73}" type="presOf" srcId="{E401F1B3-AB66-42B9-BAA0-31D97F9BB90B}" destId="{0F8D7DA5-0E48-44E3-8FA6-5F1F659D9CA1}" srcOrd="0" destOrd="0" presId="urn:microsoft.com/office/officeart/2005/8/layout/orgChart1"/>
    <dgm:cxn modelId="{5F7BA9E0-7026-4DC6-AE80-AFC90D83674E}" type="presOf" srcId="{C0FFFB1A-D124-43F6-A320-FA96FC915FF4}" destId="{9D3DC81B-0269-4C87-B9ED-2BFBA92F0CA0}" srcOrd="1" destOrd="0" presId="urn:microsoft.com/office/officeart/2005/8/layout/orgChart1"/>
    <dgm:cxn modelId="{0F9B1EEB-EBB8-4BF6-AA9B-6849C469A34C}" type="presOf" srcId="{0640DFAF-B072-45B8-83E7-808B105922D9}" destId="{C11208FD-16C5-441E-B932-04ADBA8D645B}" srcOrd="0" destOrd="0" presId="urn:microsoft.com/office/officeart/2005/8/layout/orgChart1"/>
    <dgm:cxn modelId="{0EE8ACEC-8E59-4EC9-87E0-C908C71B73E7}" srcId="{8BE2C8EA-0D44-4A27-A9D0-B38140676A58}" destId="{6ED9F08F-80D3-4F69-A7BC-E8495E376535}" srcOrd="1" destOrd="0" parTransId="{75AF0FAC-095C-4EE7-97D3-370E99852BD3}" sibTransId="{87677B90-2278-407F-ABCE-C7B88A9ACC36}"/>
    <dgm:cxn modelId="{06B593EF-DC77-47F0-995B-FE6CA1398AFA}" srcId="{E5FD4637-B555-45E6-9971-95C9FCC76A2C}" destId="{467EEC28-9AF3-4FCB-B4CC-64544211C639}" srcOrd="1" destOrd="0" parTransId="{A79309BD-4A41-407A-A668-ECE57534ECC9}" sibTransId="{ACCCCDDB-7918-4E86-99F6-1FAB0567AA9E}"/>
    <dgm:cxn modelId="{176F5CF3-D81F-423B-8BF5-4049D97AE964}" type="presOf" srcId="{FBEB2470-43BF-4305-AF37-DD4693EEF9D2}" destId="{89667016-0507-4372-91D0-5A8D7F725EDE}" srcOrd="1" destOrd="0" presId="urn:microsoft.com/office/officeart/2005/8/layout/orgChart1"/>
    <dgm:cxn modelId="{9B1CC8F6-D3FD-45A1-8CDA-0699C7964534}" type="presOf" srcId="{6ED9F08F-80D3-4F69-A7BC-E8495E376535}" destId="{1069043A-9593-4EC7-BCF1-D7F3BD44CA56}" srcOrd="1" destOrd="0" presId="urn:microsoft.com/office/officeart/2005/8/layout/orgChart1"/>
    <dgm:cxn modelId="{AD6568F7-0319-4F4E-A7FE-1C3D5F603C6B}" type="presOf" srcId="{EA12BCC1-3805-46FF-9DD7-00D3FE418F75}" destId="{7C36A95F-0676-470D-901E-0F81E663568A}" srcOrd="0" destOrd="0" presId="urn:microsoft.com/office/officeart/2005/8/layout/orgChart1"/>
    <dgm:cxn modelId="{5BEE9AFD-E0FE-469E-B66A-60F14610AF10}" srcId="{3535A26C-C986-48E8-8991-3D62A21EC355}" destId="{0640DFAF-B072-45B8-83E7-808B105922D9}" srcOrd="2" destOrd="0" parTransId="{AC5AEB2E-87D3-4A85-9515-3158B7BDBC19}" sibTransId="{98864C66-55FF-42F8-BE00-4A0D6059C5EB}"/>
    <dgm:cxn modelId="{DD2EAF02-411D-4431-9490-94F2029502BC}" type="presParOf" srcId="{12655B61-E2C1-4C71-9C07-0823C3D679DE}" destId="{A967EA1F-CAF1-4A66-81BE-25A3EE4234F0}" srcOrd="0" destOrd="0" presId="urn:microsoft.com/office/officeart/2005/8/layout/orgChart1"/>
    <dgm:cxn modelId="{9AE61BD9-517E-49DA-9A94-E7B603208F99}" type="presParOf" srcId="{A967EA1F-CAF1-4A66-81BE-25A3EE4234F0}" destId="{F20BB523-35B9-4756-8A70-2A0FFB1DE44A}" srcOrd="0" destOrd="0" presId="urn:microsoft.com/office/officeart/2005/8/layout/orgChart1"/>
    <dgm:cxn modelId="{DF234236-3F85-429F-ACD1-87D7AEAC1495}" type="presParOf" srcId="{F20BB523-35B9-4756-8A70-2A0FFB1DE44A}" destId="{34801174-F5FA-4655-B4D6-398E6A8E365F}" srcOrd="0" destOrd="0" presId="urn:microsoft.com/office/officeart/2005/8/layout/orgChart1"/>
    <dgm:cxn modelId="{082E7560-2545-4B69-9AB1-21BCA76F06AB}" type="presParOf" srcId="{F20BB523-35B9-4756-8A70-2A0FFB1DE44A}" destId="{27F89C6E-08B7-4F20-B426-ACAA9115A4A1}" srcOrd="1" destOrd="0" presId="urn:microsoft.com/office/officeart/2005/8/layout/orgChart1"/>
    <dgm:cxn modelId="{D6E5A5C4-5550-4B75-A5B8-D04AE9A94B41}" type="presParOf" srcId="{A967EA1F-CAF1-4A66-81BE-25A3EE4234F0}" destId="{C3D18FEE-B9A8-492C-B52D-CFCB035476B7}" srcOrd="1" destOrd="0" presId="urn:microsoft.com/office/officeart/2005/8/layout/orgChart1"/>
    <dgm:cxn modelId="{D7FF7D88-FF33-4953-B048-A78A6FDE4C37}" type="presParOf" srcId="{C3D18FEE-B9A8-492C-B52D-CFCB035476B7}" destId="{DABC59DD-12B0-46D8-819A-EA193EA9D23C}" srcOrd="0" destOrd="0" presId="urn:microsoft.com/office/officeart/2005/8/layout/orgChart1"/>
    <dgm:cxn modelId="{12BD3510-0C76-4030-B86E-E4DECE0B209F}" type="presParOf" srcId="{C3D18FEE-B9A8-492C-B52D-CFCB035476B7}" destId="{70C1BFEE-9BE3-4364-BB9A-BEC7A88A1EAB}" srcOrd="1" destOrd="0" presId="urn:microsoft.com/office/officeart/2005/8/layout/orgChart1"/>
    <dgm:cxn modelId="{3D22B813-08C0-416E-910E-BF95EB848D1F}" type="presParOf" srcId="{70C1BFEE-9BE3-4364-BB9A-BEC7A88A1EAB}" destId="{B547CE0C-57D8-451C-A05B-4140EFE88A0C}" srcOrd="0" destOrd="0" presId="urn:microsoft.com/office/officeart/2005/8/layout/orgChart1"/>
    <dgm:cxn modelId="{9A2A2FFE-83C5-4775-83FA-F45F4F2826D1}" type="presParOf" srcId="{B547CE0C-57D8-451C-A05B-4140EFE88A0C}" destId="{CDD7FD1E-2B0D-4605-952D-0712AB9C21D3}" srcOrd="0" destOrd="0" presId="urn:microsoft.com/office/officeart/2005/8/layout/orgChart1"/>
    <dgm:cxn modelId="{CDF15306-0FB1-4B85-80BD-F6D564157449}" type="presParOf" srcId="{B547CE0C-57D8-451C-A05B-4140EFE88A0C}" destId="{D6A60ED0-BC76-42E9-9640-974EEA51D238}" srcOrd="1" destOrd="0" presId="urn:microsoft.com/office/officeart/2005/8/layout/orgChart1"/>
    <dgm:cxn modelId="{E00EC97A-767A-4135-B57E-5978341E51B5}" type="presParOf" srcId="{70C1BFEE-9BE3-4364-BB9A-BEC7A88A1EAB}" destId="{ED2C71D9-3E86-407B-888D-0A1C2657F005}" srcOrd="1" destOrd="0" presId="urn:microsoft.com/office/officeart/2005/8/layout/orgChart1"/>
    <dgm:cxn modelId="{615AF337-F193-4E5F-B47A-ADF9DFEC4AB5}" type="presParOf" srcId="{70C1BFEE-9BE3-4364-BB9A-BEC7A88A1EAB}" destId="{28A61771-6FCF-4907-B130-D74479148F77}" srcOrd="2" destOrd="0" presId="urn:microsoft.com/office/officeart/2005/8/layout/orgChart1"/>
    <dgm:cxn modelId="{DE2AAF46-E655-4FF6-88B6-5B32D250E5DC}" type="presParOf" srcId="{28A61771-6FCF-4907-B130-D74479148F77}" destId="{E2659B26-7AAB-4735-8512-8706C704298A}" srcOrd="0" destOrd="0" presId="urn:microsoft.com/office/officeart/2005/8/layout/orgChart1"/>
    <dgm:cxn modelId="{98B879BE-86F1-4B76-B42A-460AF8AA0818}" type="presParOf" srcId="{28A61771-6FCF-4907-B130-D74479148F77}" destId="{9B94EE47-8CC5-488B-8F7D-1783BEF60655}" srcOrd="1" destOrd="0" presId="urn:microsoft.com/office/officeart/2005/8/layout/orgChart1"/>
    <dgm:cxn modelId="{7E041973-D437-42ED-B923-DF2BBC72F188}" type="presParOf" srcId="{9B94EE47-8CC5-488B-8F7D-1783BEF60655}" destId="{1B668E00-E4A1-42F3-8B7C-39A785E6BAA8}" srcOrd="0" destOrd="0" presId="urn:microsoft.com/office/officeart/2005/8/layout/orgChart1"/>
    <dgm:cxn modelId="{312E9F65-B71B-43B6-8867-B55C7AEEDE80}" type="presParOf" srcId="{1B668E00-E4A1-42F3-8B7C-39A785E6BAA8}" destId="{614F656E-CB90-410D-ADC7-868BD967DEFD}" srcOrd="0" destOrd="0" presId="urn:microsoft.com/office/officeart/2005/8/layout/orgChart1"/>
    <dgm:cxn modelId="{D6CE70C5-6477-4D16-80E7-1204D53D7AA9}" type="presParOf" srcId="{1B668E00-E4A1-42F3-8B7C-39A785E6BAA8}" destId="{F30D6A9B-3B82-4A42-B5FC-B802A9F77DCB}" srcOrd="1" destOrd="0" presId="urn:microsoft.com/office/officeart/2005/8/layout/orgChart1"/>
    <dgm:cxn modelId="{A104CB85-87D8-40C4-AEA8-DA4EE2BBEF86}" type="presParOf" srcId="{9B94EE47-8CC5-488B-8F7D-1783BEF60655}" destId="{22779E5E-A640-408E-A5D6-F1FE6066613E}" srcOrd="1" destOrd="0" presId="urn:microsoft.com/office/officeart/2005/8/layout/orgChart1"/>
    <dgm:cxn modelId="{6177BF19-3668-40A5-86CE-2BA60C5D4ECB}" type="presParOf" srcId="{9B94EE47-8CC5-488B-8F7D-1783BEF60655}" destId="{045DB48F-B80C-431D-B9ED-8B42AA72B90A}" srcOrd="2" destOrd="0" presId="urn:microsoft.com/office/officeart/2005/8/layout/orgChart1"/>
    <dgm:cxn modelId="{2EDEAE4A-75C5-414A-8A32-1781795D03DC}" type="presParOf" srcId="{28A61771-6FCF-4907-B130-D74479148F77}" destId="{20CAC086-C07F-48C8-A080-01414C85CBAA}" srcOrd="2" destOrd="0" presId="urn:microsoft.com/office/officeart/2005/8/layout/orgChart1"/>
    <dgm:cxn modelId="{BFAAFC98-8AE0-4CD1-AF5B-20A9347F41FE}" type="presParOf" srcId="{28A61771-6FCF-4907-B130-D74479148F77}" destId="{013AC2B0-26D1-4C9A-ADEC-8E26D61C6077}" srcOrd="3" destOrd="0" presId="urn:microsoft.com/office/officeart/2005/8/layout/orgChart1"/>
    <dgm:cxn modelId="{F6E792E8-FA22-430E-B18F-05EA83A10E4D}" type="presParOf" srcId="{013AC2B0-26D1-4C9A-ADEC-8E26D61C6077}" destId="{BA67094E-5AEE-4BA3-8608-2EE55E425396}" srcOrd="0" destOrd="0" presId="urn:microsoft.com/office/officeart/2005/8/layout/orgChart1"/>
    <dgm:cxn modelId="{5B21866F-D9B7-4CBD-AFF2-5D332A22724F}" type="presParOf" srcId="{BA67094E-5AEE-4BA3-8608-2EE55E425396}" destId="{861CA29E-A53F-4469-9700-008A9BD45F29}" srcOrd="0" destOrd="0" presId="urn:microsoft.com/office/officeart/2005/8/layout/orgChart1"/>
    <dgm:cxn modelId="{818F7978-BD78-43C9-A691-45421F326EE7}" type="presParOf" srcId="{BA67094E-5AEE-4BA3-8608-2EE55E425396}" destId="{C41816E4-B7B4-4AD9-B590-AC7468036D6A}" srcOrd="1" destOrd="0" presId="urn:microsoft.com/office/officeart/2005/8/layout/orgChart1"/>
    <dgm:cxn modelId="{8E739F1E-3298-4F40-8862-0DDAF673055A}" type="presParOf" srcId="{013AC2B0-26D1-4C9A-ADEC-8E26D61C6077}" destId="{48006171-3E72-41F1-8A60-5EAA36E2610C}" srcOrd="1" destOrd="0" presId="urn:microsoft.com/office/officeart/2005/8/layout/orgChart1"/>
    <dgm:cxn modelId="{57CB739C-9F03-4587-8E45-C60483A2D6A0}" type="presParOf" srcId="{013AC2B0-26D1-4C9A-ADEC-8E26D61C6077}" destId="{DB467C14-2495-4C1F-89AC-0815093BF1F6}" srcOrd="2" destOrd="0" presId="urn:microsoft.com/office/officeart/2005/8/layout/orgChart1"/>
    <dgm:cxn modelId="{B57F0779-F9FA-4EFB-9643-3B0196C4E2A8}" type="presParOf" srcId="{DB467C14-2495-4C1F-89AC-0815093BF1F6}" destId="{7F919FDF-D89F-4C77-BDB3-2350A6B06961}" srcOrd="0" destOrd="0" presId="urn:microsoft.com/office/officeart/2005/8/layout/orgChart1"/>
    <dgm:cxn modelId="{96E77F6F-383C-4DA2-9343-35868A6C6276}" type="presParOf" srcId="{DB467C14-2495-4C1F-89AC-0815093BF1F6}" destId="{F325BB0F-DD68-4E40-B5C2-08C849A7D5C1}" srcOrd="1" destOrd="0" presId="urn:microsoft.com/office/officeart/2005/8/layout/orgChart1"/>
    <dgm:cxn modelId="{576D2AE8-64A7-4DE9-946F-9C312643131F}" type="presParOf" srcId="{F325BB0F-DD68-4E40-B5C2-08C849A7D5C1}" destId="{409BB22C-0AE8-4858-85E3-C0CFA72D4007}" srcOrd="0" destOrd="0" presId="urn:microsoft.com/office/officeart/2005/8/layout/orgChart1"/>
    <dgm:cxn modelId="{F5EE3E80-189B-4207-AFDF-860BD60F7340}" type="presParOf" srcId="{409BB22C-0AE8-4858-85E3-C0CFA72D4007}" destId="{8053D6A1-D374-436F-B5FA-3C9596A4EC5D}" srcOrd="0" destOrd="0" presId="urn:microsoft.com/office/officeart/2005/8/layout/orgChart1"/>
    <dgm:cxn modelId="{F12C95C0-A9EF-45CD-AC11-60F7A73AAB85}" type="presParOf" srcId="{409BB22C-0AE8-4858-85E3-C0CFA72D4007}" destId="{4352C461-C4FE-4A95-816F-21C9737CE627}" srcOrd="1" destOrd="0" presId="urn:microsoft.com/office/officeart/2005/8/layout/orgChart1"/>
    <dgm:cxn modelId="{94E4D82A-320C-4F5B-B80A-2F55F23DFC51}" type="presParOf" srcId="{F325BB0F-DD68-4E40-B5C2-08C849A7D5C1}" destId="{AD33C9CF-8C7B-4E24-8D5A-CF9797B4FE5B}" srcOrd="1" destOrd="0" presId="urn:microsoft.com/office/officeart/2005/8/layout/orgChart1"/>
    <dgm:cxn modelId="{EB928D05-3BAF-4F31-AA65-2AE7A1D651DE}" type="presParOf" srcId="{F325BB0F-DD68-4E40-B5C2-08C849A7D5C1}" destId="{0267D225-FD81-44AC-A7D9-0A70DF98459F}" srcOrd="2" destOrd="0" presId="urn:microsoft.com/office/officeart/2005/8/layout/orgChart1"/>
    <dgm:cxn modelId="{4669E254-D42F-4E5B-A0EA-576AA66733AD}" type="presParOf" srcId="{28A61771-6FCF-4907-B130-D74479148F77}" destId="{5250B382-4213-4FCE-BA46-B6C2F0DF88AD}" srcOrd="4" destOrd="0" presId="urn:microsoft.com/office/officeart/2005/8/layout/orgChart1"/>
    <dgm:cxn modelId="{86411B3B-B7F5-49CF-B5EC-728B9C539249}" type="presParOf" srcId="{28A61771-6FCF-4907-B130-D74479148F77}" destId="{2A359152-46F1-444F-8AA9-B6E4F0D512AB}" srcOrd="5" destOrd="0" presId="urn:microsoft.com/office/officeart/2005/8/layout/orgChart1"/>
    <dgm:cxn modelId="{D6A3EA4F-2DDC-4497-9E40-91ABA08E0A1B}" type="presParOf" srcId="{2A359152-46F1-444F-8AA9-B6E4F0D512AB}" destId="{8601CA63-C35D-4C70-A9DD-A6A83384FF5B}" srcOrd="0" destOrd="0" presId="urn:microsoft.com/office/officeart/2005/8/layout/orgChart1"/>
    <dgm:cxn modelId="{C724BBCD-DD77-4ECA-9F9E-3A34A449AD26}" type="presParOf" srcId="{8601CA63-C35D-4C70-A9DD-A6A83384FF5B}" destId="{C11208FD-16C5-441E-B932-04ADBA8D645B}" srcOrd="0" destOrd="0" presId="urn:microsoft.com/office/officeart/2005/8/layout/orgChart1"/>
    <dgm:cxn modelId="{4515FE5D-87C4-4114-965C-4A5018F19F4C}" type="presParOf" srcId="{8601CA63-C35D-4C70-A9DD-A6A83384FF5B}" destId="{D3FF019B-71AE-4C6A-903A-2A97139A2EB4}" srcOrd="1" destOrd="0" presId="urn:microsoft.com/office/officeart/2005/8/layout/orgChart1"/>
    <dgm:cxn modelId="{1B6CC027-BBF6-46E4-8BFC-5DE70500EC42}" type="presParOf" srcId="{2A359152-46F1-444F-8AA9-B6E4F0D512AB}" destId="{BDFFDB52-90F1-4C22-9AD4-D75C26CE5035}" srcOrd="1" destOrd="0" presId="urn:microsoft.com/office/officeart/2005/8/layout/orgChart1"/>
    <dgm:cxn modelId="{910BAD3D-4DCF-48F2-886E-FF90BF65294D}" type="presParOf" srcId="{2A359152-46F1-444F-8AA9-B6E4F0D512AB}" destId="{6C6E511E-A875-4112-B5C9-6A90897529E6}" srcOrd="2" destOrd="0" presId="urn:microsoft.com/office/officeart/2005/8/layout/orgChart1"/>
    <dgm:cxn modelId="{0D4F0CC6-5883-482D-96B8-EC543F104008}" type="presParOf" srcId="{C3D18FEE-B9A8-492C-B52D-CFCB035476B7}" destId="{5C2BBC6F-5894-40F3-B32E-7F39547EA021}" srcOrd="2" destOrd="0" presId="urn:microsoft.com/office/officeart/2005/8/layout/orgChart1"/>
    <dgm:cxn modelId="{CEEC9AFD-B078-49B1-ACB3-BC0E4CE27C7A}" type="presParOf" srcId="{C3D18FEE-B9A8-492C-B52D-CFCB035476B7}" destId="{DC888F96-B842-452C-947E-896BBA2DB777}" srcOrd="3" destOrd="0" presId="urn:microsoft.com/office/officeart/2005/8/layout/orgChart1"/>
    <dgm:cxn modelId="{7FD7BA40-14C9-43EB-9D93-56134999DEF1}" type="presParOf" srcId="{DC888F96-B842-452C-947E-896BBA2DB777}" destId="{75B5EF29-1CE6-4758-8D60-E7E326E59824}" srcOrd="0" destOrd="0" presId="urn:microsoft.com/office/officeart/2005/8/layout/orgChart1"/>
    <dgm:cxn modelId="{124ED892-B4D7-4476-8400-81EA1AE97949}" type="presParOf" srcId="{75B5EF29-1CE6-4758-8D60-E7E326E59824}" destId="{C8A6D74B-AEE6-4152-AFE6-ED6B5F9AFDD7}" srcOrd="0" destOrd="0" presId="urn:microsoft.com/office/officeart/2005/8/layout/orgChart1"/>
    <dgm:cxn modelId="{2D91D2EB-BD48-4091-AEBF-E21F0A9DD072}" type="presParOf" srcId="{75B5EF29-1CE6-4758-8D60-E7E326E59824}" destId="{1069043A-9593-4EC7-BCF1-D7F3BD44CA56}" srcOrd="1" destOrd="0" presId="urn:microsoft.com/office/officeart/2005/8/layout/orgChart1"/>
    <dgm:cxn modelId="{87C836D6-2724-4757-BE17-5F4C704638D8}" type="presParOf" srcId="{DC888F96-B842-452C-947E-896BBA2DB777}" destId="{5F96D154-066B-4D24-9EF8-C6CA9370D95D}" srcOrd="1" destOrd="0" presId="urn:microsoft.com/office/officeart/2005/8/layout/orgChart1"/>
    <dgm:cxn modelId="{018C8D12-7938-47F8-AE85-003100D5A5C4}" type="presParOf" srcId="{DC888F96-B842-452C-947E-896BBA2DB777}" destId="{C44EA156-9581-4BB6-9F3E-4D201947E84C}" srcOrd="2" destOrd="0" presId="urn:microsoft.com/office/officeart/2005/8/layout/orgChart1"/>
    <dgm:cxn modelId="{60378581-E83D-41F3-B2FB-724D1CA7B280}" type="presParOf" srcId="{C44EA156-9581-4BB6-9F3E-4D201947E84C}" destId="{0F8D7DA5-0E48-44E3-8FA6-5F1F659D9CA1}" srcOrd="0" destOrd="0" presId="urn:microsoft.com/office/officeart/2005/8/layout/orgChart1"/>
    <dgm:cxn modelId="{89062283-86AA-4E40-8E5E-BEB8E395191C}" type="presParOf" srcId="{C44EA156-9581-4BB6-9F3E-4D201947E84C}" destId="{2C381EB7-B3FE-4299-93DA-E941AA0AD003}" srcOrd="1" destOrd="0" presId="urn:microsoft.com/office/officeart/2005/8/layout/orgChart1"/>
    <dgm:cxn modelId="{B6ADF2C1-465C-4C90-9217-F35A4B1FCF88}" type="presParOf" srcId="{2C381EB7-B3FE-4299-93DA-E941AA0AD003}" destId="{02567F99-EEDA-4F63-B8EB-5150261B7E1D}" srcOrd="0" destOrd="0" presId="urn:microsoft.com/office/officeart/2005/8/layout/orgChart1"/>
    <dgm:cxn modelId="{D18FE365-30B4-43E4-A50F-A040AFDCF09E}" type="presParOf" srcId="{02567F99-EEDA-4F63-B8EB-5150261B7E1D}" destId="{4F804961-697D-4455-95D9-AACEA874629B}" srcOrd="0" destOrd="0" presId="urn:microsoft.com/office/officeart/2005/8/layout/orgChart1"/>
    <dgm:cxn modelId="{18FF3258-4CE8-4A56-9C0B-3113455252F4}" type="presParOf" srcId="{02567F99-EEDA-4F63-B8EB-5150261B7E1D}" destId="{E9A319C8-9C87-4126-B602-98FE96D2D01A}" srcOrd="1" destOrd="0" presId="urn:microsoft.com/office/officeart/2005/8/layout/orgChart1"/>
    <dgm:cxn modelId="{060E7E21-5AC9-4316-843B-F2E3A375F141}" type="presParOf" srcId="{2C381EB7-B3FE-4299-93DA-E941AA0AD003}" destId="{37F236DE-631D-4347-A42A-367A2EE69788}" srcOrd="1" destOrd="0" presId="urn:microsoft.com/office/officeart/2005/8/layout/orgChart1"/>
    <dgm:cxn modelId="{D4621209-4633-4942-9E78-1294B0F01E85}" type="presParOf" srcId="{2C381EB7-B3FE-4299-93DA-E941AA0AD003}" destId="{E4574523-F3B1-45CA-A7DC-A4155CF4AF89}" srcOrd="2" destOrd="0" presId="urn:microsoft.com/office/officeart/2005/8/layout/orgChart1"/>
    <dgm:cxn modelId="{A348E2E1-A577-4EF9-BE58-B679DCB68537}" type="presParOf" srcId="{E4574523-F3B1-45CA-A7DC-A4155CF4AF89}" destId="{D00817B4-B352-4C70-8057-E90B282459BF}" srcOrd="0" destOrd="0" presId="urn:microsoft.com/office/officeart/2005/8/layout/orgChart1"/>
    <dgm:cxn modelId="{4D0534B1-0DEE-438B-B11C-C8BD7B7B64D9}" type="presParOf" srcId="{E4574523-F3B1-45CA-A7DC-A4155CF4AF89}" destId="{CD000F7E-D4B4-4A5A-9D7C-B5E534AC1266}" srcOrd="1" destOrd="0" presId="urn:microsoft.com/office/officeart/2005/8/layout/orgChart1"/>
    <dgm:cxn modelId="{B15A7202-188E-4C2C-AFEB-282756DB0805}" type="presParOf" srcId="{CD000F7E-D4B4-4A5A-9D7C-B5E534AC1266}" destId="{1FFB3875-06F3-48C2-A65D-FBF8ED911DB9}" srcOrd="0" destOrd="0" presId="urn:microsoft.com/office/officeart/2005/8/layout/orgChart1"/>
    <dgm:cxn modelId="{CC1A692E-9A19-4BC2-B8A1-F8D290D822B9}" type="presParOf" srcId="{1FFB3875-06F3-48C2-A65D-FBF8ED911DB9}" destId="{3AACCF87-3432-4DF7-A07F-AFF7F20FA4F9}" srcOrd="0" destOrd="0" presId="urn:microsoft.com/office/officeart/2005/8/layout/orgChart1"/>
    <dgm:cxn modelId="{96E3F1BF-E795-4489-9C22-F1ABC6541508}" type="presParOf" srcId="{1FFB3875-06F3-48C2-A65D-FBF8ED911DB9}" destId="{D2896FEF-605D-4E66-B1E7-C48C7C4CCD0F}" srcOrd="1" destOrd="0" presId="urn:microsoft.com/office/officeart/2005/8/layout/orgChart1"/>
    <dgm:cxn modelId="{34D15F8B-9A8D-4320-8B3C-4397B750FB83}" type="presParOf" srcId="{CD000F7E-D4B4-4A5A-9D7C-B5E534AC1266}" destId="{456098F8-55FA-43CC-A691-7CD815E7B652}" srcOrd="1" destOrd="0" presId="urn:microsoft.com/office/officeart/2005/8/layout/orgChart1"/>
    <dgm:cxn modelId="{D687F3BB-04F3-4CBB-ACFB-8F4BE9BE43D1}" type="presParOf" srcId="{CD000F7E-D4B4-4A5A-9D7C-B5E534AC1266}" destId="{A0ED381C-77B4-4BEA-97F6-E789FCD74E58}" srcOrd="2" destOrd="0" presId="urn:microsoft.com/office/officeart/2005/8/layout/orgChart1"/>
    <dgm:cxn modelId="{9C674B42-7B46-4C34-A56D-90D24A46D77B}" type="presParOf" srcId="{C3D18FEE-B9A8-492C-B52D-CFCB035476B7}" destId="{87022D1F-AFD7-49F3-BE02-FF10BBF9699E}" srcOrd="4" destOrd="0" presId="urn:microsoft.com/office/officeart/2005/8/layout/orgChart1"/>
    <dgm:cxn modelId="{CE73056D-AAB1-405B-8074-DA372C3502E7}" type="presParOf" srcId="{C3D18FEE-B9A8-492C-B52D-CFCB035476B7}" destId="{9901BF71-A23A-4D83-92DA-4AE31A02B6F5}" srcOrd="5" destOrd="0" presId="urn:microsoft.com/office/officeart/2005/8/layout/orgChart1"/>
    <dgm:cxn modelId="{35E3A09A-4492-4D64-96BD-38061865C8F8}" type="presParOf" srcId="{9901BF71-A23A-4D83-92DA-4AE31A02B6F5}" destId="{1222B11E-ADBA-4E0D-A482-B6DBEF07C2C7}" srcOrd="0" destOrd="0" presId="urn:microsoft.com/office/officeart/2005/8/layout/orgChart1"/>
    <dgm:cxn modelId="{3BB2AF34-FC62-464A-A4E1-5F2BFFB6321B}" type="presParOf" srcId="{1222B11E-ADBA-4E0D-A482-B6DBEF07C2C7}" destId="{8741EC06-4FA4-4333-B1CA-289332BC84C3}" srcOrd="0" destOrd="0" presId="urn:microsoft.com/office/officeart/2005/8/layout/orgChart1"/>
    <dgm:cxn modelId="{29DA79A3-4803-4830-A9A9-F2BB0E26E001}" type="presParOf" srcId="{1222B11E-ADBA-4E0D-A482-B6DBEF07C2C7}" destId="{89667016-0507-4372-91D0-5A8D7F725EDE}" srcOrd="1" destOrd="0" presId="urn:microsoft.com/office/officeart/2005/8/layout/orgChart1"/>
    <dgm:cxn modelId="{C1DFE71D-75B2-42E9-93F2-17361D5659A5}" type="presParOf" srcId="{9901BF71-A23A-4D83-92DA-4AE31A02B6F5}" destId="{5723EA59-8D79-40C9-8A9F-B610B88C0F3B}" srcOrd="1" destOrd="0" presId="urn:microsoft.com/office/officeart/2005/8/layout/orgChart1"/>
    <dgm:cxn modelId="{7A5FA5CC-91BF-4A4E-BCE2-731DF5F35B70}" type="presParOf" srcId="{9901BF71-A23A-4D83-92DA-4AE31A02B6F5}" destId="{7A8C765A-A22A-41D6-B337-55A2B91E3138}" srcOrd="2" destOrd="0" presId="urn:microsoft.com/office/officeart/2005/8/layout/orgChart1"/>
    <dgm:cxn modelId="{D8E8C48D-5A39-46A2-8AA9-58A8941D8337}" type="presParOf" srcId="{C3D18FEE-B9A8-492C-B52D-CFCB035476B7}" destId="{24ABF71B-1FD6-4F3C-BBCF-AAF615AED89E}" srcOrd="6" destOrd="0" presId="urn:microsoft.com/office/officeart/2005/8/layout/orgChart1"/>
    <dgm:cxn modelId="{FE561D06-178B-4305-82AF-D2A86324E565}" type="presParOf" srcId="{C3D18FEE-B9A8-492C-B52D-CFCB035476B7}" destId="{8D904EDC-9E47-476C-AB72-B41179E694EC}" srcOrd="7" destOrd="0" presId="urn:microsoft.com/office/officeart/2005/8/layout/orgChart1"/>
    <dgm:cxn modelId="{12CC29E6-B5D0-42F8-A975-F573F6B820C3}" type="presParOf" srcId="{8D904EDC-9E47-476C-AB72-B41179E694EC}" destId="{DA07D39A-61FB-4B40-AA19-609E3F2089C7}" srcOrd="0" destOrd="0" presId="urn:microsoft.com/office/officeart/2005/8/layout/orgChart1"/>
    <dgm:cxn modelId="{D51D5E2A-86BC-4BF6-9869-260A5080B18F}" type="presParOf" srcId="{DA07D39A-61FB-4B40-AA19-609E3F2089C7}" destId="{57FCF109-7073-4819-9962-EA61742E8006}" srcOrd="0" destOrd="0" presId="urn:microsoft.com/office/officeart/2005/8/layout/orgChart1"/>
    <dgm:cxn modelId="{827816EC-540B-4C67-8D65-C56C9E5B0404}" type="presParOf" srcId="{DA07D39A-61FB-4B40-AA19-609E3F2089C7}" destId="{EE5DAB03-0DE5-4CC5-90B0-F38DFDEE5A90}" srcOrd="1" destOrd="0" presId="urn:microsoft.com/office/officeart/2005/8/layout/orgChart1"/>
    <dgm:cxn modelId="{3A58AECF-4A68-43A9-88BB-99993572F08B}" type="presParOf" srcId="{8D904EDC-9E47-476C-AB72-B41179E694EC}" destId="{A1086002-578E-44D6-AB96-1637F970A7C9}" srcOrd="1" destOrd="0" presId="urn:microsoft.com/office/officeart/2005/8/layout/orgChart1"/>
    <dgm:cxn modelId="{46AD4F5F-2A38-4FD9-97C0-F9B1BABB22CB}" type="presParOf" srcId="{8D904EDC-9E47-476C-AB72-B41179E694EC}" destId="{5C876B17-B474-4C21-90C5-752ECE612209}" srcOrd="2" destOrd="0" presId="urn:microsoft.com/office/officeart/2005/8/layout/orgChart1"/>
    <dgm:cxn modelId="{3030702E-9551-4A74-AFD2-8B752796E5BF}" type="presParOf" srcId="{5C876B17-B474-4C21-90C5-752ECE612209}" destId="{7C36A95F-0676-470D-901E-0F81E663568A}" srcOrd="0" destOrd="0" presId="urn:microsoft.com/office/officeart/2005/8/layout/orgChart1"/>
    <dgm:cxn modelId="{BF7D273F-8E5A-40B5-A590-2F632562637A}" type="presParOf" srcId="{5C876B17-B474-4C21-90C5-752ECE612209}" destId="{0873F5DE-9320-4571-8FC6-75F8CCCF46CF}" srcOrd="1" destOrd="0" presId="urn:microsoft.com/office/officeart/2005/8/layout/orgChart1"/>
    <dgm:cxn modelId="{E106004B-9B82-4C3E-8F09-F34039625D34}" type="presParOf" srcId="{0873F5DE-9320-4571-8FC6-75F8CCCF46CF}" destId="{01734130-41C7-4EC6-B22C-62A7CA75727E}" srcOrd="0" destOrd="0" presId="urn:microsoft.com/office/officeart/2005/8/layout/orgChart1"/>
    <dgm:cxn modelId="{714D5A37-FA4C-4296-8222-BE28AD9AC967}" type="presParOf" srcId="{01734130-41C7-4EC6-B22C-62A7CA75727E}" destId="{74B02A63-B063-414E-A96F-D78C71211667}" srcOrd="0" destOrd="0" presId="urn:microsoft.com/office/officeart/2005/8/layout/orgChart1"/>
    <dgm:cxn modelId="{46F144D8-7978-4F23-BF40-E97D763EC824}" type="presParOf" srcId="{01734130-41C7-4EC6-B22C-62A7CA75727E}" destId="{C8C09737-974C-4D7B-A128-B4611EE41ED3}" srcOrd="1" destOrd="0" presId="urn:microsoft.com/office/officeart/2005/8/layout/orgChart1"/>
    <dgm:cxn modelId="{452F2EBF-B5FC-460B-B026-A4D43DD74946}" type="presParOf" srcId="{0873F5DE-9320-4571-8FC6-75F8CCCF46CF}" destId="{C98A9025-51D8-4DD1-9648-EE1AB8B6099A}" srcOrd="1" destOrd="0" presId="urn:microsoft.com/office/officeart/2005/8/layout/orgChart1"/>
    <dgm:cxn modelId="{05DA4D23-E427-469F-80C6-EA1E459B6508}" type="presParOf" srcId="{0873F5DE-9320-4571-8FC6-75F8CCCF46CF}" destId="{754655EB-0332-4703-8D10-AD9F477FEDFB}" srcOrd="2" destOrd="0" presId="urn:microsoft.com/office/officeart/2005/8/layout/orgChart1"/>
    <dgm:cxn modelId="{3CD80DED-04CE-4152-B481-343B3AC155A1}" type="presParOf" srcId="{C3D18FEE-B9A8-492C-B52D-CFCB035476B7}" destId="{F406C183-4E98-4B56-B59B-07E809910229}" srcOrd="8" destOrd="0" presId="urn:microsoft.com/office/officeart/2005/8/layout/orgChart1"/>
    <dgm:cxn modelId="{52F9B414-D02C-44E8-B973-75275524E7D0}" type="presParOf" srcId="{C3D18FEE-B9A8-492C-B52D-CFCB035476B7}" destId="{B66B3B17-E81E-4B6C-AF1F-94139B25ACD6}" srcOrd="9" destOrd="0" presId="urn:microsoft.com/office/officeart/2005/8/layout/orgChart1"/>
    <dgm:cxn modelId="{AD0ADEA5-4F8A-4DC0-B4BE-5D2B679858FF}" type="presParOf" srcId="{B66B3B17-E81E-4B6C-AF1F-94139B25ACD6}" destId="{D996A4F6-61C4-4AF1-A046-DF91E61C2FE8}" srcOrd="0" destOrd="0" presId="urn:microsoft.com/office/officeart/2005/8/layout/orgChart1"/>
    <dgm:cxn modelId="{F3A28702-2FFA-41B6-A8E2-9117E118320C}" type="presParOf" srcId="{D996A4F6-61C4-4AF1-A046-DF91E61C2FE8}" destId="{64EF8D3F-D38B-4D05-B8FE-09B4294D7E71}" srcOrd="0" destOrd="0" presId="urn:microsoft.com/office/officeart/2005/8/layout/orgChart1"/>
    <dgm:cxn modelId="{6BA577BC-7997-49D9-83E1-D4A7B62067C6}" type="presParOf" srcId="{D996A4F6-61C4-4AF1-A046-DF91E61C2FE8}" destId="{9D3DC81B-0269-4C87-B9ED-2BFBA92F0CA0}" srcOrd="1" destOrd="0" presId="urn:microsoft.com/office/officeart/2005/8/layout/orgChart1"/>
    <dgm:cxn modelId="{E86A5939-F83C-4AAD-8953-4E83C03AF2F9}" type="presParOf" srcId="{B66B3B17-E81E-4B6C-AF1F-94139B25ACD6}" destId="{730026A8-308D-42AC-A681-613D9883C0AC}" srcOrd="1" destOrd="0" presId="urn:microsoft.com/office/officeart/2005/8/layout/orgChart1"/>
    <dgm:cxn modelId="{85689BA6-17E4-41DF-B501-EBAC1E09BB52}" type="presParOf" srcId="{B66B3B17-E81E-4B6C-AF1F-94139B25ACD6}" destId="{9F662AE3-2CEB-4DA8-B570-780E808C613A}" srcOrd="2" destOrd="0" presId="urn:microsoft.com/office/officeart/2005/8/layout/orgChart1"/>
    <dgm:cxn modelId="{864DDF4D-BDCD-4896-82DD-4583D1DA81E5}" type="presParOf" srcId="{9F662AE3-2CEB-4DA8-B570-780E808C613A}" destId="{F9219E21-041F-410D-9FF7-68E065469173}" srcOrd="0" destOrd="0" presId="urn:microsoft.com/office/officeart/2005/8/layout/orgChart1"/>
    <dgm:cxn modelId="{2D5D97DA-804B-4C76-85CE-19E1FE07471D}" type="presParOf" srcId="{9F662AE3-2CEB-4DA8-B570-780E808C613A}" destId="{FAFFBE46-E6AF-421D-B9F9-628AE91598C0}" srcOrd="1" destOrd="0" presId="urn:microsoft.com/office/officeart/2005/8/layout/orgChart1"/>
    <dgm:cxn modelId="{056A65DC-7FF7-426C-997A-D4055265D3D2}" type="presParOf" srcId="{FAFFBE46-E6AF-421D-B9F9-628AE91598C0}" destId="{1229DF74-38B2-453D-9EEE-0165C3038458}" srcOrd="0" destOrd="0" presId="urn:microsoft.com/office/officeart/2005/8/layout/orgChart1"/>
    <dgm:cxn modelId="{AA7AE6C4-A475-463D-B5B0-2885919CC9CD}" type="presParOf" srcId="{1229DF74-38B2-453D-9EEE-0165C3038458}" destId="{16726877-3164-4FD2-9FCC-3E411A02F878}" srcOrd="0" destOrd="0" presId="urn:microsoft.com/office/officeart/2005/8/layout/orgChart1"/>
    <dgm:cxn modelId="{80AA1179-CD14-4866-9017-BDFD23EDF797}" type="presParOf" srcId="{1229DF74-38B2-453D-9EEE-0165C3038458}" destId="{BB3C5AE8-7783-4D72-9FF3-F22C5BCED606}" srcOrd="1" destOrd="0" presId="urn:microsoft.com/office/officeart/2005/8/layout/orgChart1"/>
    <dgm:cxn modelId="{38F5853F-5ABF-47D6-A4D7-08DAFA37365C}" type="presParOf" srcId="{FAFFBE46-E6AF-421D-B9F9-628AE91598C0}" destId="{A571CA09-2BA3-43AA-A1ED-BC3B9EBBB029}" srcOrd="1" destOrd="0" presId="urn:microsoft.com/office/officeart/2005/8/layout/orgChart1"/>
    <dgm:cxn modelId="{C030E03E-7445-4C21-928E-7254CDE2AFC3}" type="presParOf" srcId="{FAFFBE46-E6AF-421D-B9F9-628AE91598C0}" destId="{9C102032-F287-4E56-9B36-2DA0D9C0272C}" srcOrd="2" destOrd="0" presId="urn:microsoft.com/office/officeart/2005/8/layout/orgChart1"/>
    <dgm:cxn modelId="{D6CE6706-9C1A-4491-A871-5A3375210EAA}" type="presParOf" srcId="{A967EA1F-CAF1-4A66-81BE-25A3EE4234F0}" destId="{87B7FCE6-D9C5-4EAF-AB30-B45B1A6F7418}" srcOrd="2" destOrd="0" presId="urn:microsoft.com/office/officeart/2005/8/layout/orgChart1"/>
    <dgm:cxn modelId="{4E7727AC-E962-4330-998C-B6ECDECEB167}" type="presParOf" srcId="{12655B61-E2C1-4C71-9C07-0823C3D679DE}" destId="{5B054D4D-1B05-4FC3-B007-3020B5D2600A}" srcOrd="1" destOrd="0" presId="urn:microsoft.com/office/officeart/2005/8/layout/orgChart1"/>
    <dgm:cxn modelId="{3D96C6A5-CBB1-407D-B569-BF2667DAE8EA}" type="presParOf" srcId="{5B054D4D-1B05-4FC3-B007-3020B5D2600A}" destId="{91E71DD5-D913-4566-A927-C9A3C6C40932}" srcOrd="0" destOrd="0" presId="urn:microsoft.com/office/officeart/2005/8/layout/orgChart1"/>
    <dgm:cxn modelId="{D9AC1E7F-7D61-4FC4-979F-CA09030E5031}" type="presParOf" srcId="{91E71DD5-D913-4566-A927-C9A3C6C40932}" destId="{F1D48B13-858E-42EB-A61A-5D90F1BCD36E}" srcOrd="0" destOrd="0" presId="urn:microsoft.com/office/officeart/2005/8/layout/orgChart1"/>
    <dgm:cxn modelId="{18353D49-163E-456E-8A11-E5F90D4D84B5}" type="presParOf" srcId="{91E71DD5-D913-4566-A927-C9A3C6C40932}" destId="{ED395E29-0D8C-4BCA-B772-9B9218287DDF}" srcOrd="1" destOrd="0" presId="urn:microsoft.com/office/officeart/2005/8/layout/orgChart1"/>
    <dgm:cxn modelId="{0C7D4768-6D8A-4FE6-B221-2570B2859FB7}" type="presParOf" srcId="{5B054D4D-1B05-4FC3-B007-3020B5D2600A}" destId="{B92A9638-A2A3-4CA7-AC4C-0C45572625F9}" srcOrd="1" destOrd="0" presId="urn:microsoft.com/office/officeart/2005/8/layout/orgChart1"/>
    <dgm:cxn modelId="{9A475E5C-0361-48E0-84EA-3C4A5A496BB0}" type="presParOf" srcId="{5B054D4D-1B05-4FC3-B007-3020B5D2600A}" destId="{DD9BA41C-D086-4A8B-BC14-7F31241CF9F5}" srcOrd="2" destOrd="0" presId="urn:microsoft.com/office/officeart/2005/8/layout/orgChart1"/>
    <dgm:cxn modelId="{23B7D981-BD5F-47E2-BDC4-BB160F853F1F}" type="presParOf" srcId="{12655B61-E2C1-4C71-9C07-0823C3D679DE}" destId="{B10CFA04-1F0B-4E7E-89D5-5F4E493BDAFA}" srcOrd="2" destOrd="0" presId="urn:microsoft.com/office/officeart/2005/8/layout/orgChart1"/>
    <dgm:cxn modelId="{9FCFEC4F-C987-4420-A6CF-94F828994F67}" type="presParOf" srcId="{B10CFA04-1F0B-4E7E-89D5-5F4E493BDAFA}" destId="{0D93C2CE-3941-4B92-861D-5E2B4F7ACCB7}" srcOrd="0" destOrd="0" presId="urn:microsoft.com/office/officeart/2005/8/layout/orgChart1"/>
    <dgm:cxn modelId="{36A6CC71-827D-4529-9B4B-3BF92B03BB29}" type="presParOf" srcId="{0D93C2CE-3941-4B92-861D-5E2B4F7ACCB7}" destId="{241B9FB8-7892-4C98-8961-C66D5D3E7A40}" srcOrd="0" destOrd="0" presId="urn:microsoft.com/office/officeart/2005/8/layout/orgChart1"/>
    <dgm:cxn modelId="{EC5A61E8-B351-40DF-8460-86D620AD285D}" type="presParOf" srcId="{0D93C2CE-3941-4B92-861D-5E2B4F7ACCB7}" destId="{0AFA8487-D104-4EA0-A8A1-585C9588B166}" srcOrd="1" destOrd="0" presId="urn:microsoft.com/office/officeart/2005/8/layout/orgChart1"/>
    <dgm:cxn modelId="{E45042A5-7CD9-4DB5-B965-31194D0501B0}" type="presParOf" srcId="{B10CFA04-1F0B-4E7E-89D5-5F4E493BDAFA}" destId="{0DB44138-46D9-4D19-9F85-AD75BEB733F1}" srcOrd="1" destOrd="0" presId="urn:microsoft.com/office/officeart/2005/8/layout/orgChart1"/>
    <dgm:cxn modelId="{1E3E1F8C-55FF-43F5-9114-01F80EFA8EFB}" type="presParOf" srcId="{B10CFA04-1F0B-4E7E-89D5-5F4E493BDAFA}" destId="{7D81068C-7C73-4D83-90D7-9EF674AE198F}" srcOrd="2" destOrd="0" presId="urn:microsoft.com/office/officeart/2005/8/layout/orgChart1"/>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a:t>.</a:t>
          </a:r>
        </a:p>
      </dsp:txBody>
      <dsp:txXfrm>
        <a:off x="730084" y="289961"/>
        <a:ext cx="320928" cy="31529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9219E21-041F-410D-9FF7-68E065469173}">
      <dsp:nvSpPr>
        <dsp:cNvPr id="0" name=""/>
        <dsp:cNvSpPr/>
      </dsp:nvSpPr>
      <dsp:spPr>
        <a:xfrm>
          <a:off x="18229735" y="2819376"/>
          <a:ext cx="1725742" cy="939323"/>
        </a:xfrm>
        <a:custGeom>
          <a:avLst/>
          <a:gdLst/>
          <a:ahLst/>
          <a:cxnLst/>
          <a:rect l="0" t="0" r="0" b="0"/>
          <a:pathLst>
            <a:path>
              <a:moveTo>
                <a:pt x="1725742" y="0"/>
              </a:moveTo>
              <a:lnTo>
                <a:pt x="0" y="939323"/>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F406C183-4E98-4B56-B59B-07E809910229}">
      <dsp:nvSpPr>
        <dsp:cNvPr id="0" name=""/>
        <dsp:cNvSpPr/>
      </dsp:nvSpPr>
      <dsp:spPr>
        <a:xfrm>
          <a:off x="10198177" y="1135017"/>
          <a:ext cx="9757300" cy="566475"/>
        </a:xfrm>
        <a:custGeom>
          <a:avLst/>
          <a:gdLst/>
          <a:ahLst/>
          <a:cxnLst/>
          <a:rect l="0" t="0" r="0" b="0"/>
          <a:pathLst>
            <a:path>
              <a:moveTo>
                <a:pt x="0" y="0"/>
              </a:moveTo>
              <a:lnTo>
                <a:pt x="0" y="331720"/>
              </a:lnTo>
              <a:lnTo>
                <a:pt x="9757300" y="331720"/>
              </a:lnTo>
              <a:lnTo>
                <a:pt x="9757300"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7C36A95F-0676-470D-901E-0F81E663568A}">
      <dsp:nvSpPr>
        <dsp:cNvPr id="0" name=""/>
        <dsp:cNvSpPr/>
      </dsp:nvSpPr>
      <dsp:spPr>
        <a:xfrm>
          <a:off x="16517720" y="2821366"/>
          <a:ext cx="1199778" cy="998498"/>
        </a:xfrm>
        <a:custGeom>
          <a:avLst/>
          <a:gdLst/>
          <a:ahLst/>
          <a:cxnLst/>
          <a:rect l="0" t="0" r="0" b="0"/>
          <a:pathLst>
            <a:path>
              <a:moveTo>
                <a:pt x="0" y="0"/>
              </a:moveTo>
              <a:lnTo>
                <a:pt x="1199778" y="998498"/>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24ABF71B-1FD6-4F3C-BBCF-AAF615AED89E}">
      <dsp:nvSpPr>
        <dsp:cNvPr id="0" name=""/>
        <dsp:cNvSpPr/>
      </dsp:nvSpPr>
      <dsp:spPr>
        <a:xfrm>
          <a:off x="10198177" y="1135017"/>
          <a:ext cx="6319542" cy="568465"/>
        </a:xfrm>
        <a:custGeom>
          <a:avLst/>
          <a:gdLst/>
          <a:ahLst/>
          <a:cxnLst/>
          <a:rect l="0" t="0" r="0" b="0"/>
          <a:pathLst>
            <a:path>
              <a:moveTo>
                <a:pt x="0" y="0"/>
              </a:moveTo>
              <a:lnTo>
                <a:pt x="0" y="333710"/>
              </a:lnTo>
              <a:lnTo>
                <a:pt x="6319542" y="333710"/>
              </a:lnTo>
              <a:lnTo>
                <a:pt x="6319542" y="56846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87022D1F-AFD7-49F3-BE02-FF10BBF9699E}">
      <dsp:nvSpPr>
        <dsp:cNvPr id="0" name=""/>
        <dsp:cNvSpPr/>
      </dsp:nvSpPr>
      <dsp:spPr>
        <a:xfrm>
          <a:off x="10198177" y="1135017"/>
          <a:ext cx="3397598" cy="566475"/>
        </a:xfrm>
        <a:custGeom>
          <a:avLst/>
          <a:gdLst/>
          <a:ahLst/>
          <a:cxnLst/>
          <a:rect l="0" t="0" r="0" b="0"/>
          <a:pathLst>
            <a:path>
              <a:moveTo>
                <a:pt x="0" y="0"/>
              </a:moveTo>
              <a:lnTo>
                <a:pt x="0" y="331720"/>
              </a:lnTo>
              <a:lnTo>
                <a:pt x="3397598" y="331720"/>
              </a:lnTo>
              <a:lnTo>
                <a:pt x="3397598"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D00817B4-B352-4C70-8057-E90B282459BF}">
      <dsp:nvSpPr>
        <dsp:cNvPr id="0" name=""/>
        <dsp:cNvSpPr/>
      </dsp:nvSpPr>
      <dsp:spPr>
        <a:xfrm>
          <a:off x="10732385" y="3912610"/>
          <a:ext cx="1523294" cy="715523"/>
        </a:xfrm>
        <a:custGeom>
          <a:avLst/>
          <a:gdLst/>
          <a:ahLst/>
          <a:cxnLst/>
          <a:rect l="0" t="0" r="0" b="0"/>
          <a:pathLst>
            <a:path>
              <a:moveTo>
                <a:pt x="0" y="715523"/>
              </a:moveTo>
              <a:lnTo>
                <a:pt x="1523294" y="0"/>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0F8D7DA5-0E48-44E3-8FA6-5F1F659D9CA1}">
      <dsp:nvSpPr>
        <dsp:cNvPr id="0" name=""/>
        <dsp:cNvSpPr/>
      </dsp:nvSpPr>
      <dsp:spPr>
        <a:xfrm>
          <a:off x="9614502" y="2819376"/>
          <a:ext cx="1100734" cy="1041559"/>
        </a:xfrm>
        <a:custGeom>
          <a:avLst/>
          <a:gdLst/>
          <a:ahLst/>
          <a:cxnLst/>
          <a:rect l="0" t="0" r="0" b="0"/>
          <a:pathLst>
            <a:path>
              <a:moveTo>
                <a:pt x="1100734" y="0"/>
              </a:moveTo>
              <a:lnTo>
                <a:pt x="0" y="1041559"/>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5C2BBC6F-5894-40F3-B32E-7F39547EA021}">
      <dsp:nvSpPr>
        <dsp:cNvPr id="0" name=""/>
        <dsp:cNvSpPr/>
      </dsp:nvSpPr>
      <dsp:spPr>
        <a:xfrm>
          <a:off x="10198177" y="1135017"/>
          <a:ext cx="517059" cy="566475"/>
        </a:xfrm>
        <a:custGeom>
          <a:avLst/>
          <a:gdLst/>
          <a:ahLst/>
          <a:cxnLst/>
          <a:rect l="0" t="0" r="0" b="0"/>
          <a:pathLst>
            <a:path>
              <a:moveTo>
                <a:pt x="0" y="0"/>
              </a:moveTo>
              <a:lnTo>
                <a:pt x="0" y="331720"/>
              </a:lnTo>
              <a:lnTo>
                <a:pt x="517059" y="331720"/>
              </a:lnTo>
              <a:lnTo>
                <a:pt x="517059" y="566475"/>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5250B382-4213-4FCE-BA46-B6C2F0DF88AD}">
      <dsp:nvSpPr>
        <dsp:cNvPr id="0" name=""/>
        <dsp:cNvSpPr/>
      </dsp:nvSpPr>
      <dsp:spPr>
        <a:xfrm>
          <a:off x="5097495" y="2820706"/>
          <a:ext cx="1647468" cy="960266"/>
        </a:xfrm>
        <a:custGeom>
          <a:avLst/>
          <a:gdLst/>
          <a:ahLst/>
          <a:cxnLst/>
          <a:rect l="0" t="0" r="0" b="0"/>
          <a:pathLst>
            <a:path>
              <a:moveTo>
                <a:pt x="0" y="0"/>
              </a:moveTo>
              <a:lnTo>
                <a:pt x="0" y="960266"/>
              </a:lnTo>
              <a:lnTo>
                <a:pt x="1647468" y="960266"/>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7F919FDF-D89F-4C77-BDB3-2350A6B06961}">
      <dsp:nvSpPr>
        <dsp:cNvPr id="0" name=""/>
        <dsp:cNvSpPr/>
      </dsp:nvSpPr>
      <dsp:spPr>
        <a:xfrm>
          <a:off x="4045970" y="4517608"/>
          <a:ext cx="1047769" cy="1050463"/>
        </a:xfrm>
        <a:custGeom>
          <a:avLst/>
          <a:gdLst/>
          <a:ahLst/>
          <a:cxnLst/>
          <a:rect l="0" t="0" r="0" b="0"/>
          <a:pathLst>
            <a:path>
              <a:moveTo>
                <a:pt x="1047769" y="0"/>
              </a:moveTo>
              <a:lnTo>
                <a:pt x="0" y="1050463"/>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20CAC086-C07F-48C8-A080-01414C85CBAA}">
      <dsp:nvSpPr>
        <dsp:cNvPr id="0" name=""/>
        <dsp:cNvSpPr/>
      </dsp:nvSpPr>
      <dsp:spPr>
        <a:xfrm>
          <a:off x="5097495" y="2820706"/>
          <a:ext cx="1114126" cy="955661"/>
        </a:xfrm>
        <a:custGeom>
          <a:avLst/>
          <a:gdLst/>
          <a:ahLst/>
          <a:cxnLst/>
          <a:rect l="0" t="0" r="0" b="0"/>
          <a:pathLst>
            <a:path>
              <a:moveTo>
                <a:pt x="0" y="0"/>
              </a:moveTo>
              <a:lnTo>
                <a:pt x="1114126" y="955661"/>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E2659B26-7AAB-4735-8512-8706C704298A}">
      <dsp:nvSpPr>
        <dsp:cNvPr id="0" name=""/>
        <dsp:cNvSpPr/>
      </dsp:nvSpPr>
      <dsp:spPr>
        <a:xfrm>
          <a:off x="3431939" y="2820706"/>
          <a:ext cx="1665556" cy="974151"/>
        </a:xfrm>
        <a:custGeom>
          <a:avLst/>
          <a:gdLst/>
          <a:ahLst/>
          <a:cxnLst/>
          <a:rect l="0" t="0" r="0" b="0"/>
          <a:pathLst>
            <a:path>
              <a:moveTo>
                <a:pt x="1665556" y="0"/>
              </a:moveTo>
              <a:lnTo>
                <a:pt x="1665556" y="974151"/>
              </a:lnTo>
              <a:lnTo>
                <a:pt x="0" y="974151"/>
              </a:lnTo>
            </a:path>
          </a:pathLst>
        </a:custGeom>
        <a:noFill/>
        <a:ln w="25400" cap="flat" cmpd="sng" algn="ctr">
          <a:solidFill>
            <a:schemeClr val="bg1"/>
          </a:solidFill>
          <a:prstDash val="solid"/>
        </a:ln>
        <a:effectLst/>
      </dsp:spPr>
      <dsp:style>
        <a:lnRef idx="2">
          <a:scrgbClr r="0" g="0" b="0"/>
        </a:lnRef>
        <a:fillRef idx="0">
          <a:scrgbClr r="0" g="0" b="0"/>
        </a:fillRef>
        <a:effectRef idx="0">
          <a:scrgbClr r="0" g="0" b="0"/>
        </a:effectRef>
        <a:fontRef idx="minor"/>
      </dsp:style>
    </dsp:sp>
    <dsp:sp modelId="{DABC59DD-12B0-46D8-819A-EA193EA9D23C}">
      <dsp:nvSpPr>
        <dsp:cNvPr id="0" name=""/>
        <dsp:cNvSpPr/>
      </dsp:nvSpPr>
      <dsp:spPr>
        <a:xfrm>
          <a:off x="5097495" y="1135017"/>
          <a:ext cx="5100681" cy="567806"/>
        </a:xfrm>
        <a:custGeom>
          <a:avLst/>
          <a:gdLst/>
          <a:ahLst/>
          <a:cxnLst/>
          <a:rect l="0" t="0" r="0" b="0"/>
          <a:pathLst>
            <a:path>
              <a:moveTo>
                <a:pt x="5100681" y="0"/>
              </a:moveTo>
              <a:lnTo>
                <a:pt x="5100681" y="333050"/>
              </a:lnTo>
              <a:lnTo>
                <a:pt x="0" y="333050"/>
              </a:lnTo>
              <a:lnTo>
                <a:pt x="0" y="567806"/>
              </a:lnTo>
            </a:path>
          </a:pathLst>
        </a:custGeom>
        <a:noFill/>
        <a:ln w="25400" cap="flat" cmpd="sng" algn="ctr">
          <a:solidFill>
            <a:srgbClr val="92D050"/>
          </a:solidFill>
          <a:prstDash val="solid"/>
        </a:ln>
        <a:effectLst/>
      </dsp:spPr>
      <dsp:style>
        <a:lnRef idx="2">
          <a:scrgbClr r="0" g="0" b="0"/>
        </a:lnRef>
        <a:fillRef idx="0">
          <a:scrgbClr r="0" g="0" b="0"/>
        </a:fillRef>
        <a:effectRef idx="0">
          <a:scrgbClr r="0" g="0" b="0"/>
        </a:effectRef>
        <a:fontRef idx="minor"/>
      </dsp:style>
    </dsp:sp>
    <dsp:sp modelId="{34801174-F5FA-4655-B4D6-398E6A8E365F}">
      <dsp:nvSpPr>
        <dsp:cNvPr id="0" name=""/>
        <dsp:cNvSpPr/>
      </dsp:nvSpPr>
      <dsp:spPr>
        <a:xfrm>
          <a:off x="9080294" y="17134"/>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egional Council Chair</a:t>
          </a:r>
          <a:endParaRPr lang="en-AU" sz="2200" kern="1200"/>
        </a:p>
      </dsp:txBody>
      <dsp:txXfrm>
        <a:off x="9134865" y="71705"/>
        <a:ext cx="2126623" cy="1008740"/>
      </dsp:txXfrm>
    </dsp:sp>
    <dsp:sp modelId="{CDD7FD1E-2B0D-4605-952D-0712AB9C21D3}">
      <dsp:nvSpPr>
        <dsp:cNvPr id="0" name=""/>
        <dsp:cNvSpPr/>
      </dsp:nvSpPr>
      <dsp:spPr>
        <a:xfrm>
          <a:off x="3979613" y="170282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Chair-Elect</a:t>
          </a:r>
          <a:endParaRPr lang="en-AU" sz="2200" kern="1200"/>
        </a:p>
      </dsp:txBody>
      <dsp:txXfrm>
        <a:off x="4034184" y="1757394"/>
        <a:ext cx="2126623" cy="1008740"/>
      </dsp:txXfrm>
    </dsp:sp>
    <dsp:sp modelId="{614F656E-CB90-410D-ADC7-868BD967DEFD}">
      <dsp:nvSpPr>
        <dsp:cNvPr id="0" name=""/>
        <dsp:cNvSpPr/>
      </dsp:nvSpPr>
      <dsp:spPr>
        <a:xfrm>
          <a:off x="1196174" y="3072264"/>
          <a:ext cx="2235765" cy="1445187"/>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Liaison for Incorporated Entities</a:t>
          </a:r>
          <a:endParaRPr lang="en-AU" sz="2200" kern="1200"/>
        </a:p>
      </dsp:txBody>
      <dsp:txXfrm>
        <a:off x="1266722" y="3142812"/>
        <a:ext cx="2094669" cy="1304091"/>
      </dsp:txXfrm>
    </dsp:sp>
    <dsp:sp modelId="{861CA29E-A53F-4469-9700-008A9BD45F29}">
      <dsp:nvSpPr>
        <dsp:cNvPr id="0" name=""/>
        <dsp:cNvSpPr/>
      </dsp:nvSpPr>
      <dsp:spPr>
        <a:xfrm>
          <a:off x="3975856" y="3035127"/>
          <a:ext cx="2235765" cy="1482480"/>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Multi-national Advisory Committee</a:t>
          </a:r>
          <a:endParaRPr lang="en-AU" sz="2200" kern="1200"/>
        </a:p>
      </dsp:txBody>
      <dsp:txXfrm>
        <a:off x="4048225" y="3107496"/>
        <a:ext cx="2091027" cy="1337742"/>
      </dsp:txXfrm>
    </dsp:sp>
    <dsp:sp modelId="{8053D6A1-D374-436F-B5FA-3C9596A4EC5D}">
      <dsp:nvSpPr>
        <dsp:cNvPr id="0" name=""/>
        <dsp:cNvSpPr/>
      </dsp:nvSpPr>
      <dsp:spPr>
        <a:xfrm>
          <a:off x="4045970" y="5009130"/>
          <a:ext cx="2235765" cy="1117882"/>
        </a:xfrm>
        <a:prstGeom prst="roundRect">
          <a:avLst/>
        </a:prstGeom>
        <a:solidFill>
          <a:srgbClr val="FF9D5B">
            <a:alpha val="40000"/>
          </a:srgbClr>
        </a:solidFill>
        <a:ln w="38100" cap="flat" cmpd="sng" algn="ctr">
          <a:solidFill>
            <a:srgbClr val="EA5F0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Country Representatives</a:t>
          </a:r>
          <a:endParaRPr lang="en-AU" sz="2200" kern="1200"/>
        </a:p>
      </dsp:txBody>
      <dsp:txXfrm>
        <a:off x="4100541" y="5063701"/>
        <a:ext cx="2126623" cy="1008740"/>
      </dsp:txXfrm>
    </dsp:sp>
    <dsp:sp modelId="{C11208FD-16C5-441E-B932-04ADBA8D645B}">
      <dsp:nvSpPr>
        <dsp:cNvPr id="0" name=""/>
        <dsp:cNvSpPr/>
      </dsp:nvSpPr>
      <dsp:spPr>
        <a:xfrm>
          <a:off x="6744964" y="3064774"/>
          <a:ext cx="2235765" cy="1432399"/>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Zone Strategic Planning</a:t>
          </a:r>
          <a:endParaRPr lang="en-AU" sz="2200" kern="1200"/>
        </a:p>
      </dsp:txBody>
      <dsp:txXfrm>
        <a:off x="6814888" y="3134698"/>
        <a:ext cx="2095917" cy="1292551"/>
      </dsp:txXfrm>
    </dsp:sp>
    <dsp:sp modelId="{C8A6D74B-AEE6-4152-AFE6-ED6B5F9AFDD7}">
      <dsp:nvSpPr>
        <dsp:cNvPr id="0" name=""/>
        <dsp:cNvSpPr/>
      </dsp:nvSpPr>
      <dsp:spPr>
        <a:xfrm>
          <a:off x="9597354" y="170149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Portfolio Leads*</a:t>
          </a:r>
        </a:p>
      </dsp:txBody>
      <dsp:txXfrm>
        <a:off x="9651925" y="1756064"/>
        <a:ext cx="2126623" cy="1008740"/>
      </dsp:txXfrm>
    </dsp:sp>
    <dsp:sp modelId="{4F804961-697D-4455-95D9-AACEA874629B}">
      <dsp:nvSpPr>
        <dsp:cNvPr id="0" name=""/>
        <dsp:cNvSpPr/>
      </dsp:nvSpPr>
      <dsp:spPr>
        <a:xfrm>
          <a:off x="9614502" y="3093738"/>
          <a:ext cx="2235765" cy="1534394"/>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Portfolio Committees*</a:t>
          </a:r>
          <a:endParaRPr lang="en-AU" sz="2200" kern="1200" dirty="0"/>
        </a:p>
      </dsp:txBody>
      <dsp:txXfrm>
        <a:off x="9689405" y="3168641"/>
        <a:ext cx="2085959" cy="1384588"/>
      </dsp:txXfrm>
    </dsp:sp>
    <dsp:sp modelId="{3AACCF87-3432-4DF7-A07F-AFF7F20FA4F9}">
      <dsp:nvSpPr>
        <dsp:cNvPr id="0" name=""/>
        <dsp:cNvSpPr/>
      </dsp:nvSpPr>
      <dsp:spPr>
        <a:xfrm>
          <a:off x="12255680" y="3353668"/>
          <a:ext cx="2235765" cy="1117882"/>
        </a:xfrm>
        <a:prstGeom prst="roundRect">
          <a:avLst/>
        </a:prstGeom>
        <a:solidFill>
          <a:srgbClr val="FF9D5B">
            <a:alpha val="40000"/>
          </a:srgbClr>
        </a:solidFill>
        <a:ln w="38100" cap="flat" cmpd="sng" algn="ctr">
          <a:solidFill>
            <a:srgbClr val="EA5F0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Rotary Specialist Network</a:t>
          </a:r>
          <a:endParaRPr lang="en-AU" sz="2200" kern="1200" dirty="0"/>
        </a:p>
      </dsp:txBody>
      <dsp:txXfrm>
        <a:off x="12310251" y="3408239"/>
        <a:ext cx="2126623" cy="1008740"/>
      </dsp:txXfrm>
    </dsp:sp>
    <dsp:sp modelId="{8741EC06-4FA4-4333-B1CA-289332BC84C3}">
      <dsp:nvSpPr>
        <dsp:cNvPr id="0" name=""/>
        <dsp:cNvSpPr/>
      </dsp:nvSpPr>
      <dsp:spPr>
        <a:xfrm>
          <a:off x="12477892" y="170149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otaract Nominee</a:t>
          </a:r>
          <a:endParaRPr lang="en-AU" sz="2200" kern="1200"/>
        </a:p>
      </dsp:txBody>
      <dsp:txXfrm>
        <a:off x="12532463" y="1756064"/>
        <a:ext cx="2126623" cy="1008740"/>
      </dsp:txXfrm>
    </dsp:sp>
    <dsp:sp modelId="{57FCF109-7073-4819-9962-EA61742E8006}">
      <dsp:nvSpPr>
        <dsp:cNvPr id="0" name=""/>
        <dsp:cNvSpPr/>
      </dsp:nvSpPr>
      <dsp:spPr>
        <a:xfrm>
          <a:off x="15399837" y="1703483"/>
          <a:ext cx="2235765" cy="1117882"/>
        </a:xfrm>
        <a:prstGeom prst="roundRect">
          <a:avLst/>
        </a:prstGeom>
        <a:solidFill>
          <a:srgbClr val="BCE292">
            <a:alpha val="39000"/>
          </a:srgbClr>
        </a:solidFill>
        <a:ln w="38100" cap="flat" cmpd="sng" algn="ctr">
          <a:solidFill>
            <a:srgbClr val="92D050"/>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Rotary Communities Nominee</a:t>
          </a:r>
          <a:endParaRPr lang="en-AU" sz="2200" kern="1200" dirty="0"/>
        </a:p>
      </dsp:txBody>
      <dsp:txXfrm>
        <a:off x="15454408" y="1758054"/>
        <a:ext cx="2126623" cy="1008740"/>
      </dsp:txXfrm>
    </dsp:sp>
    <dsp:sp modelId="{74B02A63-B063-414E-A96F-D78C71211667}">
      <dsp:nvSpPr>
        <dsp:cNvPr id="0" name=""/>
        <dsp:cNvSpPr/>
      </dsp:nvSpPr>
      <dsp:spPr>
        <a:xfrm>
          <a:off x="15317494" y="3039923"/>
          <a:ext cx="2400005" cy="1559882"/>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otary Community Leaders</a:t>
          </a:r>
          <a:endParaRPr lang="en-AU" sz="2200" kern="1200"/>
        </a:p>
      </dsp:txBody>
      <dsp:txXfrm>
        <a:off x="15393641" y="3116070"/>
        <a:ext cx="2247711" cy="1407588"/>
      </dsp:txXfrm>
    </dsp:sp>
    <dsp:sp modelId="{64EF8D3F-D38B-4D05-B8FE-09B4294D7E71}">
      <dsp:nvSpPr>
        <dsp:cNvPr id="0" name=""/>
        <dsp:cNvSpPr/>
      </dsp:nvSpPr>
      <dsp:spPr>
        <a:xfrm>
          <a:off x="18231736" y="1701493"/>
          <a:ext cx="3447483" cy="1117882"/>
        </a:xfrm>
        <a:prstGeom prst="roundRect">
          <a:avLst/>
        </a:prstGeom>
        <a:solidFill>
          <a:schemeClr val="accent1">
            <a:lumMod val="40000"/>
            <a:lumOff val="60000"/>
            <a:alpha val="39000"/>
          </a:schemeClr>
        </a:solidFill>
        <a:ln w="38100" cap="flat" cmpd="sng" algn="ctr">
          <a:solidFill>
            <a:schemeClr val="accent1"/>
          </a:solidFill>
          <a:prstDash val="dash"/>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dirty="0"/>
            <a:t>Corporate and Admin (non-elected)</a:t>
          </a:r>
          <a:endParaRPr lang="en-AU" sz="2200" kern="1200" dirty="0"/>
        </a:p>
      </dsp:txBody>
      <dsp:txXfrm>
        <a:off x="18286307" y="1756064"/>
        <a:ext cx="3338341" cy="1008740"/>
      </dsp:txXfrm>
    </dsp:sp>
    <dsp:sp modelId="{16726877-3164-4FD2-9FCC-3E411A02F878}">
      <dsp:nvSpPr>
        <dsp:cNvPr id="0" name=""/>
        <dsp:cNvSpPr/>
      </dsp:nvSpPr>
      <dsp:spPr>
        <a:xfrm>
          <a:off x="18229735" y="3023904"/>
          <a:ext cx="3554912" cy="1469591"/>
        </a:xfrm>
        <a:prstGeom prst="roundRect">
          <a:avLst/>
        </a:prstGeom>
        <a:solidFill>
          <a:srgbClr val="7798D3">
            <a:alpha val="40000"/>
          </a:srgbClr>
        </a:solidFill>
        <a:ln w="38100" cap="flat" cmpd="sng" algn="ctr">
          <a:solidFill>
            <a:srgbClr val="305496"/>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Functional Committees (Legal Entities, Financial Assets, Insurance, etc.)</a:t>
          </a:r>
          <a:endParaRPr lang="en-AU" sz="2200" kern="1200"/>
        </a:p>
      </dsp:txBody>
      <dsp:txXfrm>
        <a:off x="18301475" y="3095644"/>
        <a:ext cx="3411432" cy="1326111"/>
      </dsp:txXfrm>
    </dsp:sp>
    <dsp:sp modelId="{F1D48B13-858E-42EB-A61A-5D90F1BCD36E}">
      <dsp:nvSpPr>
        <dsp:cNvPr id="0" name=""/>
        <dsp:cNvSpPr/>
      </dsp:nvSpPr>
      <dsp:spPr>
        <a:xfrm>
          <a:off x="13124973" y="17134"/>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District Governors</a:t>
          </a:r>
          <a:endParaRPr lang="en-AU" sz="2200" kern="1200"/>
        </a:p>
      </dsp:txBody>
      <dsp:txXfrm>
        <a:off x="13179544" y="71705"/>
        <a:ext cx="2126623" cy="1008740"/>
      </dsp:txXfrm>
    </dsp:sp>
    <dsp:sp modelId="{241B9FB8-7892-4C98-8961-C66D5D3E7A40}">
      <dsp:nvSpPr>
        <dsp:cNvPr id="0" name=""/>
        <dsp:cNvSpPr/>
      </dsp:nvSpPr>
      <dsp:spPr>
        <a:xfrm>
          <a:off x="20713565" y="22657"/>
          <a:ext cx="2235765" cy="1117882"/>
        </a:xfrm>
        <a:prstGeom prst="roundRect">
          <a:avLst/>
        </a:prstGeom>
        <a:solidFill>
          <a:srgbClr val="FAC360">
            <a:alpha val="38000"/>
          </a:srgbClr>
        </a:solidFill>
        <a:ln w="38100" cap="flat" cmpd="sng" algn="ctr">
          <a:solidFill>
            <a:srgbClr val="F7A81B"/>
          </a:solidFill>
          <a:prstDash val="solid"/>
        </a:ln>
        <a:effectLst/>
      </dsp:spPr>
      <dsp:style>
        <a:lnRef idx="3">
          <a:scrgbClr r="0" g="0" b="0"/>
        </a:lnRef>
        <a:fillRef idx="1">
          <a:scrgbClr r="0" g="0" b="0"/>
        </a:fillRef>
        <a:effectRef idx="1">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977900">
            <a:lnSpc>
              <a:spcPct val="90000"/>
            </a:lnSpc>
            <a:spcBef>
              <a:spcPct val="0"/>
            </a:spcBef>
            <a:spcAft>
              <a:spcPct val="35000"/>
            </a:spcAft>
            <a:buNone/>
          </a:pPr>
          <a:r>
            <a:rPr lang="en-US" sz="2200" kern="1200"/>
            <a:t>RI Office (Sydney)</a:t>
          </a:r>
          <a:endParaRPr lang="en-AU" sz="2200" kern="1200"/>
        </a:p>
      </dsp:txBody>
      <dsp:txXfrm>
        <a:off x="20768136" y="77228"/>
        <a:ext cx="2126623" cy="1008740"/>
      </dsp:txXfrm>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3.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5FBE957-C192-CE30-C549-D73D1C2988DE}"/>
              </a:ext>
            </a:extLst>
          </p:cNvPr>
          <p:cNvSpPr>
            <a:spLocks noGrp="1"/>
          </p:cNvSpPr>
          <p:nvPr>
            <p:ph type="hdr" sz="quarter"/>
          </p:nvPr>
        </p:nvSpPr>
        <p:spPr>
          <a:xfrm>
            <a:off x="0" y="0"/>
            <a:ext cx="2947035" cy="498374"/>
          </a:xfrm>
          <a:prstGeom prst="rect">
            <a:avLst/>
          </a:prstGeom>
        </p:spPr>
        <p:txBody>
          <a:bodyPr vert="horz" lIns="91477" tIns="45738" rIns="91477" bIns="45738" rtlCol="0"/>
          <a:lstStyle>
            <a:lvl1pPr algn="l">
              <a:defRPr sz="1200"/>
            </a:lvl1pPr>
          </a:lstStyle>
          <a:p>
            <a:endParaRPr lang="en-NZ"/>
          </a:p>
        </p:txBody>
      </p:sp>
      <p:sp>
        <p:nvSpPr>
          <p:cNvPr id="3" name="Date Placeholder 2">
            <a:extLst>
              <a:ext uri="{FF2B5EF4-FFF2-40B4-BE49-F238E27FC236}">
                <a16:creationId xmlns:a16="http://schemas.microsoft.com/office/drawing/2014/main" id="{35BA86FD-F028-E459-9CB4-556898E345CB}"/>
              </a:ext>
            </a:extLst>
          </p:cNvPr>
          <p:cNvSpPr>
            <a:spLocks noGrp="1"/>
          </p:cNvSpPr>
          <p:nvPr>
            <p:ph type="dt" sz="quarter" idx="1"/>
          </p:nvPr>
        </p:nvSpPr>
        <p:spPr>
          <a:xfrm>
            <a:off x="3852242" y="0"/>
            <a:ext cx="2947035" cy="498374"/>
          </a:xfrm>
          <a:prstGeom prst="rect">
            <a:avLst/>
          </a:prstGeom>
        </p:spPr>
        <p:txBody>
          <a:bodyPr vert="horz" lIns="91477" tIns="45738" rIns="91477" bIns="45738" rtlCol="0"/>
          <a:lstStyle>
            <a:lvl1pPr algn="r">
              <a:defRPr sz="1200"/>
            </a:lvl1pPr>
          </a:lstStyle>
          <a:p>
            <a:fld id="{582DEB32-3A1B-4CF8-8707-F7A9CAA87440}" type="datetimeFigureOut">
              <a:rPr lang="en-NZ" smtClean="0"/>
              <a:t>25/09/2023</a:t>
            </a:fld>
            <a:endParaRPr lang="en-NZ"/>
          </a:p>
        </p:txBody>
      </p:sp>
      <p:sp>
        <p:nvSpPr>
          <p:cNvPr id="4" name="Footer Placeholder 3">
            <a:extLst>
              <a:ext uri="{FF2B5EF4-FFF2-40B4-BE49-F238E27FC236}">
                <a16:creationId xmlns:a16="http://schemas.microsoft.com/office/drawing/2014/main" id="{719F6A78-0A6D-AFB0-731D-EE755ACB1F88}"/>
              </a:ext>
            </a:extLst>
          </p:cNvPr>
          <p:cNvSpPr>
            <a:spLocks noGrp="1"/>
          </p:cNvSpPr>
          <p:nvPr>
            <p:ph type="ftr" sz="quarter" idx="2"/>
          </p:nvPr>
        </p:nvSpPr>
        <p:spPr>
          <a:xfrm>
            <a:off x="0" y="9434615"/>
            <a:ext cx="2947035" cy="498373"/>
          </a:xfrm>
          <a:prstGeom prst="rect">
            <a:avLst/>
          </a:prstGeom>
        </p:spPr>
        <p:txBody>
          <a:bodyPr vert="horz" lIns="91477" tIns="45738" rIns="91477" bIns="45738" rtlCol="0" anchor="b"/>
          <a:lstStyle>
            <a:lvl1pPr algn="l">
              <a:defRPr sz="1200"/>
            </a:lvl1pPr>
          </a:lstStyle>
          <a:p>
            <a:endParaRPr lang="en-NZ"/>
          </a:p>
        </p:txBody>
      </p:sp>
      <p:sp>
        <p:nvSpPr>
          <p:cNvPr id="5" name="Slide Number Placeholder 4">
            <a:extLst>
              <a:ext uri="{FF2B5EF4-FFF2-40B4-BE49-F238E27FC236}">
                <a16:creationId xmlns:a16="http://schemas.microsoft.com/office/drawing/2014/main" id="{9ADB7119-240E-E56E-2696-D1F1A17F7F3E}"/>
              </a:ext>
            </a:extLst>
          </p:cNvPr>
          <p:cNvSpPr>
            <a:spLocks noGrp="1"/>
          </p:cNvSpPr>
          <p:nvPr>
            <p:ph type="sldNum" sz="quarter" idx="3"/>
          </p:nvPr>
        </p:nvSpPr>
        <p:spPr>
          <a:xfrm>
            <a:off x="3852242" y="9434615"/>
            <a:ext cx="2947035" cy="498373"/>
          </a:xfrm>
          <a:prstGeom prst="rect">
            <a:avLst/>
          </a:prstGeom>
        </p:spPr>
        <p:txBody>
          <a:bodyPr vert="horz" lIns="91477" tIns="45738" rIns="91477" bIns="45738" rtlCol="0" anchor="b"/>
          <a:lstStyle>
            <a:lvl1pPr algn="r">
              <a:defRPr sz="1200"/>
            </a:lvl1pPr>
          </a:lstStyle>
          <a:p>
            <a:fld id="{69C9EB3E-F8B8-4BB1-9DB3-E37E805C7B87}" type="slidenum">
              <a:rPr lang="en-NZ" smtClean="0"/>
              <a:t>‹#›</a:t>
            </a:fld>
            <a:endParaRPr lang="en-NZ"/>
          </a:p>
        </p:txBody>
      </p:sp>
    </p:spTree>
    <p:extLst>
      <p:ext uri="{BB962C8B-B14F-4D97-AF65-F5344CB8AC3E}">
        <p14:creationId xmlns:p14="http://schemas.microsoft.com/office/powerpoint/2010/main" val="17376163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16" name="Shape 116"/>
          <p:cNvSpPr>
            <a:spLocks noGrp="1" noRot="1" noChangeAspect="1"/>
          </p:cNvSpPr>
          <p:nvPr>
            <p:ph type="sldImg"/>
          </p:nvPr>
        </p:nvSpPr>
        <p:spPr>
          <a:xfrm>
            <a:off x="90488" y="744538"/>
            <a:ext cx="6619875" cy="3724275"/>
          </a:xfrm>
          <a:prstGeom prst="rect">
            <a:avLst/>
          </a:prstGeom>
        </p:spPr>
        <p:txBody>
          <a:bodyPr lIns="91477" tIns="45738" rIns="91477" bIns="45738"/>
          <a:lstStyle/>
          <a:p>
            <a:endParaRPr/>
          </a:p>
        </p:txBody>
      </p:sp>
      <p:sp>
        <p:nvSpPr>
          <p:cNvPr id="117" name="Shape 117"/>
          <p:cNvSpPr>
            <a:spLocks noGrp="1"/>
          </p:cNvSpPr>
          <p:nvPr>
            <p:ph type="body" sz="quarter" idx="1"/>
          </p:nvPr>
        </p:nvSpPr>
        <p:spPr>
          <a:xfrm>
            <a:off x="906781" y="4718170"/>
            <a:ext cx="4987290" cy="4469844"/>
          </a:xfrm>
          <a:prstGeom prst="rect">
            <a:avLst/>
          </a:prstGeom>
        </p:spPr>
        <p:txBody>
          <a:bodyPr lIns="91477" tIns="45738" rIns="91477" bIns="45738"/>
          <a:lstStyle/>
          <a:p>
            <a:endParaRPr/>
          </a:p>
        </p:txBody>
      </p:sp>
    </p:spTree>
  </p:cSld>
  <p:clrMap bg1="lt1" tx1="dk1" bg2="lt2" tx2="dk2" accent1="accent1" accent2="accent2" accent3="accent3" accent4="accent4" accent5="accent5" accent6="accent6" hlink="hlink" folHlink="folHlink"/>
  <p:notesStyle>
    <a:lvl1pPr defTabSz="457200" latinLnBrk="0">
      <a:lnSpc>
        <a:spcPct val="117999"/>
      </a:lnSpc>
      <a:defRPr sz="2200">
        <a:latin typeface="Helvetica Neue"/>
        <a:ea typeface="Helvetica Neue"/>
        <a:cs typeface="Helvetica Neue"/>
        <a:sym typeface="Helvetica Neue"/>
      </a:defRPr>
    </a:lvl1pPr>
    <a:lvl2pPr indent="228600" defTabSz="457200" latinLnBrk="0">
      <a:lnSpc>
        <a:spcPct val="117999"/>
      </a:lnSpc>
      <a:defRPr sz="2200">
        <a:latin typeface="Helvetica Neue"/>
        <a:ea typeface="Helvetica Neue"/>
        <a:cs typeface="Helvetica Neue"/>
        <a:sym typeface="Helvetica Neue"/>
      </a:defRPr>
    </a:lvl2pPr>
    <a:lvl3pPr indent="457200" defTabSz="457200" latinLnBrk="0">
      <a:lnSpc>
        <a:spcPct val="117999"/>
      </a:lnSpc>
      <a:defRPr sz="2200">
        <a:latin typeface="Helvetica Neue"/>
        <a:ea typeface="Helvetica Neue"/>
        <a:cs typeface="Helvetica Neue"/>
        <a:sym typeface="Helvetica Neue"/>
      </a:defRPr>
    </a:lvl3pPr>
    <a:lvl4pPr indent="685800" defTabSz="457200" latinLnBrk="0">
      <a:lnSpc>
        <a:spcPct val="117999"/>
      </a:lnSpc>
      <a:defRPr sz="2200">
        <a:latin typeface="Helvetica Neue"/>
        <a:ea typeface="Helvetica Neue"/>
        <a:cs typeface="Helvetica Neue"/>
        <a:sym typeface="Helvetica Neue"/>
      </a:defRPr>
    </a:lvl4pPr>
    <a:lvl5pPr indent="914400" defTabSz="457200" latinLnBrk="0">
      <a:lnSpc>
        <a:spcPct val="117999"/>
      </a:lnSpc>
      <a:defRPr sz="2200">
        <a:latin typeface="Helvetica Neue"/>
        <a:ea typeface="Helvetica Neue"/>
        <a:cs typeface="Helvetica Neue"/>
        <a:sym typeface="Helvetica Neue"/>
      </a:defRPr>
    </a:lvl5pPr>
    <a:lvl6pPr indent="1143000" defTabSz="457200" latinLnBrk="0">
      <a:lnSpc>
        <a:spcPct val="117999"/>
      </a:lnSpc>
      <a:defRPr sz="2200">
        <a:latin typeface="Helvetica Neue"/>
        <a:ea typeface="Helvetica Neue"/>
        <a:cs typeface="Helvetica Neue"/>
        <a:sym typeface="Helvetica Neue"/>
      </a:defRPr>
    </a:lvl6pPr>
    <a:lvl7pPr indent="1371600" defTabSz="457200" latinLnBrk="0">
      <a:lnSpc>
        <a:spcPct val="117999"/>
      </a:lnSpc>
      <a:defRPr sz="2200">
        <a:latin typeface="Helvetica Neue"/>
        <a:ea typeface="Helvetica Neue"/>
        <a:cs typeface="Helvetica Neue"/>
        <a:sym typeface="Helvetica Neue"/>
      </a:defRPr>
    </a:lvl7pPr>
    <a:lvl8pPr indent="1600200" defTabSz="457200" latinLnBrk="0">
      <a:lnSpc>
        <a:spcPct val="117999"/>
      </a:lnSpc>
      <a:defRPr sz="2200">
        <a:latin typeface="Helvetica Neue"/>
        <a:ea typeface="Helvetica Neue"/>
        <a:cs typeface="Helvetica Neue"/>
        <a:sym typeface="Helvetica Neue"/>
      </a:defRPr>
    </a:lvl8pPr>
    <a:lvl9pPr indent="1828800" defTabSz="457200" latinLnBrk="0">
      <a:lnSpc>
        <a:spcPct val="117999"/>
      </a:lnSpc>
      <a:defRPr sz="2200">
        <a:latin typeface="Helvetica Neue"/>
        <a:ea typeface="Helvetica Neue"/>
        <a:cs typeface="Helvetica Neue"/>
        <a:sym typeface="Helvetica Neue"/>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Shape 131"/>
          <p:cNvSpPr>
            <a:spLocks noGrp="1" noRot="1" noChangeAspect="1"/>
          </p:cNvSpPr>
          <p:nvPr>
            <p:ph type="sldImg"/>
          </p:nvPr>
        </p:nvSpPr>
        <p:spPr>
          <a:xfrm>
            <a:off x="90488" y="744538"/>
            <a:ext cx="6619875" cy="3724275"/>
          </a:xfrm>
          <a:prstGeom prst="rect">
            <a:avLst/>
          </a:prstGeom>
        </p:spPr>
        <p:txBody>
          <a:bodyPr/>
          <a:lstStyle/>
          <a:p>
            <a:r>
              <a:rPr lang="en-NZ"/>
              <a:t>Aa </a:t>
            </a:r>
            <a:endParaRPr/>
          </a:p>
        </p:txBody>
      </p:sp>
      <p:sp>
        <p:nvSpPr>
          <p:cNvPr id="132" name="Shape 132"/>
          <p:cNvSpPr>
            <a:spLocks noGrp="1"/>
          </p:cNvSpPr>
          <p:nvPr>
            <p:ph type="body" sz="quarter" idx="1"/>
          </p:nvPr>
        </p:nvSpPr>
        <p:spPr>
          <a:xfrm>
            <a:off x="487226" y="4718168"/>
            <a:ext cx="5935800" cy="5111043"/>
          </a:xfrm>
          <a:prstGeom prst="rect">
            <a:avLst/>
          </a:prstGeom>
        </p:spPr>
        <p:txBody>
          <a:bodyPr/>
          <a:lstStyle/>
          <a:p>
            <a:pPr algn="l" rtl="0" fontAlgn="base"/>
            <a:endParaRPr lang="en-AU" sz="1800" dirty="0">
              <a:solidFill>
                <a:srgbClr val="000000"/>
              </a:solidFill>
              <a:latin typeface="Calibri" panose="020F0502020204030204" pitchFamily="34" charset="0"/>
            </a:endParaRPr>
          </a:p>
          <a:p>
            <a:pPr algn="l" rtl="0" fontAlgn="base"/>
            <a:endParaRPr lang="en-AU" sz="1000" dirty="0">
              <a:solidFill>
                <a:srgbClr val="000000"/>
              </a:solidFill>
              <a:latin typeface="Segoe UI" panose="020B0502040204020203" pitchFamily="34" charset="0"/>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Tree>
    <p:extLst>
      <p:ext uri="{BB962C8B-B14F-4D97-AF65-F5344CB8AC3E}">
        <p14:creationId xmlns:p14="http://schemas.microsoft.com/office/powerpoint/2010/main" val="3918473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Tree>
    <p:extLst>
      <p:ext uri="{BB962C8B-B14F-4D97-AF65-F5344CB8AC3E}">
        <p14:creationId xmlns:p14="http://schemas.microsoft.com/office/powerpoint/2010/main" val="106199633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6474635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marL="960504" indent="-960504">
              <a:lnSpc>
                <a:spcPct val="107000"/>
              </a:lnSpc>
              <a:spcAft>
                <a:spcPts val="1801"/>
              </a:spcAft>
            </a:pPr>
            <a:endParaRPr lang="en-AU" sz="1800" dirty="0">
              <a:latin typeface="Calibri" panose="020F050202020403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181829567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9875" cy="3724275"/>
          </a:xfrm>
          <a:prstGeom prst="rect">
            <a:avLst/>
          </a:prstGeom>
        </p:spPr>
        <p:txBody>
          <a:bodyPr/>
          <a:lstStyle/>
          <a:p>
            <a:endParaRPr/>
          </a:p>
        </p:txBody>
      </p:sp>
      <p:sp>
        <p:nvSpPr>
          <p:cNvPr id="143" name="Shape 143"/>
          <p:cNvSpPr>
            <a:spLocks noGrp="1"/>
          </p:cNvSpPr>
          <p:nvPr>
            <p:ph type="body" sz="quarter" idx="1"/>
          </p:nvPr>
        </p:nvSpPr>
        <p:spPr>
          <a:xfrm>
            <a:off x="377826" y="4718168"/>
            <a:ext cx="6045199" cy="5014677"/>
          </a:xfrm>
          <a:prstGeom prst="rect">
            <a:avLst/>
          </a:prstGeom>
        </p:spPr>
        <p:txBody>
          <a:bodyPr/>
          <a:lstStyle/>
          <a:p>
            <a:pPr algn="l" rtl="0" fontAlgn="base"/>
            <a:endParaRPr lang="en-AU" b="0" i="0" dirty="0">
              <a:solidFill>
                <a:srgbClr val="000000"/>
              </a:solidFill>
              <a:effectLst/>
              <a:latin typeface="Segoe UI" panose="020B0502040204020203"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p:txBody>
      </p:sp>
    </p:spTree>
    <p:extLst>
      <p:ext uri="{BB962C8B-B14F-4D97-AF65-F5344CB8AC3E}">
        <p14:creationId xmlns:p14="http://schemas.microsoft.com/office/powerpoint/2010/main" val="35212189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728500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Tree>
    <p:extLst>
      <p:ext uri="{BB962C8B-B14F-4D97-AF65-F5344CB8AC3E}">
        <p14:creationId xmlns:p14="http://schemas.microsoft.com/office/powerpoint/2010/main" val="84315820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Tree>
    <p:extLst>
      <p:ext uri="{BB962C8B-B14F-4D97-AF65-F5344CB8AC3E}">
        <p14:creationId xmlns:p14="http://schemas.microsoft.com/office/powerpoint/2010/main" val="69841058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9175" cy="3430588"/>
          </a:xfrm>
        </p:spPr>
      </p:sp>
      <p:sp>
        <p:nvSpPr>
          <p:cNvPr id="3" name="Notes Placeholder 2"/>
          <p:cNvSpPr>
            <a:spLocks noGrp="1"/>
          </p:cNvSpPr>
          <p:nvPr>
            <p:ph type="body" idx="1"/>
          </p:nvPr>
        </p:nvSpPr>
        <p:spPr>
          <a:xfrm>
            <a:off x="699606" y="5282818"/>
            <a:ext cx="5673294" cy="4116774"/>
          </a:xfrm>
        </p:spPr>
        <p:txBody>
          <a:bodyPr/>
          <a:lstStyle/>
          <a:p>
            <a:pPr>
              <a:defRPr sz="1200">
                <a:latin typeface="Helvetica"/>
                <a:ea typeface="Helvetica"/>
                <a:cs typeface="Helvetica"/>
                <a:sym typeface="Helvetica"/>
              </a:defRPr>
            </a:pPr>
            <a:endParaRPr lang="en-NZ" sz="1100" dirty="0">
              <a:latin typeface="Frutiger LT Std 45 Light"/>
            </a:endParaRPr>
          </a:p>
        </p:txBody>
      </p:sp>
    </p:spTree>
    <p:extLst>
      <p:ext uri="{BB962C8B-B14F-4D97-AF65-F5344CB8AC3E}">
        <p14:creationId xmlns:p14="http://schemas.microsoft.com/office/powerpoint/2010/main" val="35279419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6"/>
            <a:ext cx="5516245" cy="4947962"/>
          </a:xfrm>
          <a:prstGeom prst="rect">
            <a:avLst/>
          </a:prstGeom>
        </p:spPr>
        <p:txBody>
          <a:bodyPr/>
          <a:lstStyle/>
          <a:p>
            <a:pPr>
              <a:lnSpc>
                <a:spcPct val="150000"/>
              </a:lnSpc>
              <a:spcAft>
                <a:spcPts val="800"/>
              </a:spcAft>
            </a:pPr>
            <a:endParaRPr lang="en-AU" sz="1800" dirty="0">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6336339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a:lnSpc>
                <a:spcPct val="107000"/>
              </a:lnSpc>
              <a:spcAft>
                <a:spcPts val="800"/>
              </a:spcAft>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8743265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algn="l" rtl="0" fontAlgn="base"/>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1231088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9875" cy="3724275"/>
          </a:xfrm>
          <a:prstGeom prst="rect">
            <a:avLst/>
          </a:prstGeom>
        </p:spPr>
        <p:txBody>
          <a:bodyPr/>
          <a:lstStyle/>
          <a:p>
            <a:endParaRPr/>
          </a:p>
        </p:txBody>
      </p:sp>
      <p:sp>
        <p:nvSpPr>
          <p:cNvPr id="291" name="Shape 291"/>
          <p:cNvSpPr>
            <a:spLocks noGrp="1"/>
          </p:cNvSpPr>
          <p:nvPr>
            <p:ph type="body" sz="quarter" idx="1"/>
          </p:nvPr>
        </p:nvSpPr>
        <p:spPr>
          <a:xfrm>
            <a:off x="710536" y="4721874"/>
            <a:ext cx="5516245" cy="4947963"/>
          </a:xfrm>
          <a:prstGeom prst="rect">
            <a:avLst/>
          </a:prstGeom>
        </p:spPr>
        <p:txBody>
          <a:bodyPr/>
          <a:lstStyle/>
          <a:p>
            <a:pPr algn="l" rtl="0" fontAlgn="base"/>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82385466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4.png"/><Relationship Id="rId1" Type="http://schemas.openxmlformats.org/officeDocument/2006/relationships/slideMaster" Target="../slideMasters/slideMaster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4.png"/><Relationship Id="rId1" Type="http://schemas.openxmlformats.org/officeDocument/2006/relationships/slideMaster" Target="../slideMasters/slideMaster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1778000" y="2298700"/>
            <a:ext cx="20828000" cy="4648200"/>
          </a:xfrm>
          <a:prstGeom prst="rect">
            <a:avLst/>
          </a:prstGeom>
        </p:spPr>
        <p:txBody>
          <a:bodyPr anchor="b"/>
          <a:lstStyle/>
          <a:p>
            <a:r>
              <a:t>Title Text</a:t>
            </a:r>
          </a:p>
        </p:txBody>
      </p:sp>
      <p:sp>
        <p:nvSpPr>
          <p:cNvPr id="12" name="Body Level One…"/>
          <p:cNvSpPr txBox="1">
            <a:spLocks noGrp="1"/>
          </p:cNvSpPr>
          <p:nvPr>
            <p:ph type="body" sz="quarter" idx="1"/>
          </p:nvPr>
        </p:nvSpPr>
        <p:spPr>
          <a:xfrm>
            <a:off x="1778000" y="7073900"/>
            <a:ext cx="20828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x">
  <p:cSld name="Photo">
    <p:spTree>
      <p:nvGrpSpPr>
        <p:cNvPr id="1" name=""/>
        <p:cNvGrpSpPr/>
        <p:nvPr/>
      </p:nvGrpSpPr>
      <p:grpSpPr>
        <a:xfrm>
          <a:off x="0" y="0"/>
          <a:ext cx="0" cy="0"/>
          <a:chOff x="0" y="0"/>
          <a:chExt cx="0" cy="0"/>
        </a:xfrm>
      </p:grpSpPr>
      <p:sp>
        <p:nvSpPr>
          <p:cNvPr id="102" name="Image"/>
          <p:cNvSpPr>
            <a:spLocks noGrp="1"/>
          </p:cNvSpPr>
          <p:nvPr>
            <p:ph type="pic" idx="13"/>
          </p:nvPr>
        </p:nvSpPr>
        <p:spPr>
          <a:xfrm>
            <a:off x="0" y="0"/>
            <a:ext cx="24384000" cy="16264467"/>
          </a:xfrm>
          <a:prstGeom prst="rect">
            <a:avLst/>
          </a:prstGeom>
        </p:spPr>
        <p:txBody>
          <a:bodyPr lIns="91439" tIns="45719" rIns="91439" bIns="45719" anchor="t">
            <a:noAutofit/>
          </a:bodyPr>
          <a:lstStyle/>
          <a:p>
            <a:endParaRPr/>
          </a:p>
        </p:txBody>
      </p:sp>
      <p:sp>
        <p:nvSpPr>
          <p:cNvPr id="10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x">
  <p:cSld name="Blank">
    <p:spTree>
      <p:nvGrpSpPr>
        <p:cNvPr id="1" name=""/>
        <p:cNvGrpSpPr/>
        <p:nvPr/>
      </p:nvGrpSpPr>
      <p:grpSpPr>
        <a:xfrm>
          <a:off x="0" y="0"/>
          <a:ext cx="0" cy="0"/>
          <a:chOff x="0" y="0"/>
          <a:chExt cx="0" cy="0"/>
        </a:xfrm>
      </p:grpSpPr>
      <p:sp>
        <p:nvSpPr>
          <p:cNvPr id="110"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9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4ACAB2E-37E7-A74A-B4BF-C2F1796C3606}"/>
              </a:ext>
            </a:extLst>
          </p:cNvPr>
          <p:cNvSpPr/>
          <p:nvPr userDrawn="1"/>
        </p:nvSpPr>
        <p:spPr>
          <a:xfrm flipH="1">
            <a:off x="1" y="0"/>
            <a:ext cx="3910938" cy="13716000"/>
          </a:xfrm>
          <a:prstGeom prst="rect">
            <a:avLst/>
          </a:prstGeom>
          <a:gradFill>
            <a:gsLst>
              <a:gs pos="50000">
                <a:schemeClr val="bg1"/>
              </a:gs>
              <a:gs pos="75000">
                <a:srgbClr val="00B0F0"/>
              </a:gs>
              <a:gs pos="100000">
                <a:srgbClr val="0070C0"/>
              </a:gs>
            </a:gsLst>
            <a:lin ang="600000" scaled="0"/>
          </a:gra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pic>
        <p:nvPicPr>
          <p:cNvPr id="2" name="Picture 1">
            <a:extLst>
              <a:ext uri="{FF2B5EF4-FFF2-40B4-BE49-F238E27FC236}">
                <a16:creationId xmlns:a16="http://schemas.microsoft.com/office/drawing/2014/main" id="{2104D5C1-E6EA-3242-B68D-F9CEB0861EE2}"/>
              </a:ext>
            </a:extLst>
          </p:cNvPr>
          <p:cNvPicPr>
            <a:picLocks noChangeAspect="1"/>
          </p:cNvPicPr>
          <p:nvPr userDrawn="1"/>
        </p:nvPicPr>
        <p:blipFill>
          <a:blip r:embed="rId2"/>
          <a:stretch>
            <a:fillRect/>
          </a:stretch>
        </p:blipFill>
        <p:spPr>
          <a:xfrm flipH="1">
            <a:off x="0" y="0"/>
            <a:ext cx="24384000" cy="13716000"/>
          </a:xfrm>
          <a:prstGeom prst="rect">
            <a:avLst/>
          </a:prstGeom>
        </p:spPr>
      </p:pic>
      <p:sp>
        <p:nvSpPr>
          <p:cNvPr id="8" name="Rectangle 7">
            <a:extLst>
              <a:ext uri="{FF2B5EF4-FFF2-40B4-BE49-F238E27FC236}">
                <a16:creationId xmlns:a16="http://schemas.microsoft.com/office/drawing/2014/main" id="{53968984-C763-CD47-BA36-22B7FB9A598A}"/>
              </a:ext>
            </a:extLst>
          </p:cNvPr>
          <p:cNvSpPr/>
          <p:nvPr userDrawn="1"/>
        </p:nvSpPr>
        <p:spPr>
          <a:xfrm>
            <a:off x="16557902" y="232807"/>
            <a:ext cx="7399520" cy="461665"/>
          </a:xfrm>
          <a:prstGeom prst="rect">
            <a:avLst/>
          </a:prstGeom>
        </p:spPr>
        <p:txBody>
          <a:bodyPr wrap="square">
            <a:spAutoFit/>
          </a:bodyPr>
          <a:lstStyle/>
          <a:p>
            <a:pPr algn="r"/>
            <a:r>
              <a:rPr lang="en-US" sz="2400">
                <a:solidFill>
                  <a:srgbClr val="919295"/>
                </a:solidFill>
                <a:latin typeface="Arial" panose="020B0604020202020204" pitchFamily="34" charset="0"/>
                <a:cs typeface="Arial" panose="020B0604020202020204" pitchFamily="34" charset="0"/>
              </a:rPr>
              <a:t>SHAPING </a:t>
            </a:r>
            <a:r>
              <a:rPr lang="en-US" sz="2400" b="1">
                <a:solidFill>
                  <a:srgbClr val="58585A"/>
                </a:solidFill>
                <a:latin typeface="Arial" panose="020B0604020202020204" pitchFamily="34" charset="0"/>
                <a:cs typeface="Arial" panose="020B0604020202020204" pitchFamily="34" charset="0"/>
              </a:rPr>
              <a:t>ROTARY’S</a:t>
            </a:r>
            <a:r>
              <a:rPr lang="en-US" sz="2400">
                <a:solidFill>
                  <a:srgbClr val="919295"/>
                </a:solidFill>
                <a:latin typeface="Arial" panose="020B0604020202020204" pitchFamily="34" charset="0"/>
                <a:cs typeface="Arial" panose="020B0604020202020204" pitchFamily="34" charset="0"/>
              </a:rPr>
              <a:t> FUTURE </a:t>
            </a:r>
          </a:p>
        </p:txBody>
      </p:sp>
      <p:sp>
        <p:nvSpPr>
          <p:cNvPr id="5" name="Title 1">
            <a:extLst>
              <a:ext uri="{FF2B5EF4-FFF2-40B4-BE49-F238E27FC236}">
                <a16:creationId xmlns:a16="http://schemas.microsoft.com/office/drawing/2014/main" id="{455E6C5F-40EF-074D-A4FA-1B73AB110847}"/>
              </a:ext>
            </a:extLst>
          </p:cNvPr>
          <p:cNvSpPr>
            <a:spLocks noGrp="1"/>
          </p:cNvSpPr>
          <p:nvPr>
            <p:ph type="title"/>
          </p:nvPr>
        </p:nvSpPr>
        <p:spPr>
          <a:xfrm>
            <a:off x="711760" y="786804"/>
            <a:ext cx="21031200" cy="1631516"/>
          </a:xfrm>
        </p:spPr>
        <p:txBody>
          <a:bodyPr anchor="t"/>
          <a:lstStyle>
            <a:lvl1pPr>
              <a:defRPr sz="6400"/>
            </a:lvl1pPr>
          </a:lstStyle>
          <a:p>
            <a:r>
              <a:rPr lang="en-US"/>
              <a:t>Click to edit Master title style</a:t>
            </a:r>
          </a:p>
        </p:txBody>
      </p:sp>
    </p:spTree>
    <p:extLst>
      <p:ext uri="{BB962C8B-B14F-4D97-AF65-F5344CB8AC3E}">
        <p14:creationId xmlns:p14="http://schemas.microsoft.com/office/powerpoint/2010/main" val="346218093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39525010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50486902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941655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4384547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71119795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83634729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13169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x">
  <p:cSld name="Photo - Horizontal">
    <p:spTree>
      <p:nvGrpSpPr>
        <p:cNvPr id="1" name=""/>
        <p:cNvGrpSpPr/>
        <p:nvPr/>
      </p:nvGrpSpPr>
      <p:grpSpPr>
        <a:xfrm>
          <a:off x="0" y="0"/>
          <a:ext cx="0" cy="0"/>
          <a:chOff x="0" y="0"/>
          <a:chExt cx="0" cy="0"/>
        </a:xfrm>
      </p:grpSpPr>
      <p:sp>
        <p:nvSpPr>
          <p:cNvPr id="20" name="Image"/>
          <p:cNvSpPr>
            <a:spLocks noGrp="1"/>
          </p:cNvSpPr>
          <p:nvPr>
            <p:ph type="pic" idx="13"/>
          </p:nvPr>
        </p:nvSpPr>
        <p:spPr>
          <a:xfrm>
            <a:off x="3124200" y="-38100"/>
            <a:ext cx="18135600" cy="12096698"/>
          </a:xfrm>
          <a:prstGeom prst="rect">
            <a:avLst/>
          </a:prstGeom>
        </p:spPr>
        <p:txBody>
          <a:bodyPr lIns="91439" tIns="45719" rIns="91439" bIns="45719" anchor="t">
            <a:noAutofit/>
          </a:bodyPr>
          <a:lstStyle/>
          <a:p>
            <a:endParaRPr/>
          </a:p>
        </p:txBody>
      </p:sp>
      <p:sp>
        <p:nvSpPr>
          <p:cNvPr id="21" name="Title Text"/>
          <p:cNvSpPr txBox="1">
            <a:spLocks noGrp="1"/>
          </p:cNvSpPr>
          <p:nvPr>
            <p:ph type="title"/>
          </p:nvPr>
        </p:nvSpPr>
        <p:spPr>
          <a:xfrm>
            <a:off x="635000" y="9512300"/>
            <a:ext cx="23114000" cy="2006600"/>
          </a:xfrm>
          <a:prstGeom prst="rect">
            <a:avLst/>
          </a:prstGeom>
        </p:spPr>
        <p:txBody>
          <a:bodyPr anchor="b"/>
          <a:lstStyle/>
          <a:p>
            <a:r>
              <a:t>Title Text</a:t>
            </a:r>
          </a:p>
        </p:txBody>
      </p:sp>
      <p:sp>
        <p:nvSpPr>
          <p:cNvPr id="22" name="Body Level One…"/>
          <p:cNvSpPr txBox="1">
            <a:spLocks noGrp="1"/>
          </p:cNvSpPr>
          <p:nvPr>
            <p:ph type="body" sz="quarter" idx="1"/>
          </p:nvPr>
        </p:nvSpPr>
        <p:spPr>
          <a:xfrm>
            <a:off x="635000" y="11442700"/>
            <a:ext cx="23114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2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7539088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6668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70522245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042109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213995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330261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323993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28664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25-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32755901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677F5-D5F4-3BCD-EAC5-0627FFB30A5C}"/>
              </a:ext>
            </a:extLst>
          </p:cNvPr>
          <p:cNvSpPr>
            <a:spLocks noGrp="1"/>
          </p:cNvSpPr>
          <p:nvPr>
            <p:ph type="ctrTitle"/>
          </p:nvPr>
        </p:nvSpPr>
        <p:spPr>
          <a:xfrm>
            <a:off x="3048000" y="2244726"/>
            <a:ext cx="18288000" cy="4775200"/>
          </a:xfrm>
        </p:spPr>
        <p:txBody>
          <a:bodyPr anchor="b"/>
          <a:lstStyle>
            <a:lvl1pPr algn="ctr">
              <a:defRPr sz="12000"/>
            </a:lvl1pPr>
          </a:lstStyle>
          <a:p>
            <a:r>
              <a:rPr lang="en-US"/>
              <a:t>Click to edit Master title style</a:t>
            </a:r>
            <a:endParaRPr lang="en-AU"/>
          </a:p>
        </p:txBody>
      </p:sp>
      <p:sp>
        <p:nvSpPr>
          <p:cNvPr id="3" name="Subtitle 2">
            <a:extLst>
              <a:ext uri="{FF2B5EF4-FFF2-40B4-BE49-F238E27FC236}">
                <a16:creationId xmlns:a16="http://schemas.microsoft.com/office/drawing/2014/main" id="{C556DD73-51B1-398A-1EF3-B360CD287D1F}"/>
              </a:ext>
            </a:extLst>
          </p:cNvPr>
          <p:cNvSpPr>
            <a:spLocks noGrp="1"/>
          </p:cNvSpPr>
          <p:nvPr>
            <p:ph type="subTitle" idx="1"/>
          </p:nvPr>
        </p:nvSpPr>
        <p:spPr>
          <a:xfrm>
            <a:off x="3048000" y="7204076"/>
            <a:ext cx="18288000" cy="3311524"/>
          </a:xfrm>
        </p:spPr>
        <p:txBody>
          <a:bodyPr/>
          <a:lstStyle>
            <a:lvl1pPr marL="0" indent="0" algn="ctr">
              <a:buNone/>
              <a:defRPr sz="48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CD16150F-E2B2-531F-EDFE-8A6A0F90F40B}"/>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76CFB095-7269-4226-F68B-1128E508A613}"/>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BD760A1A-EE74-A74F-DDF5-E6D341E33C9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11442777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x">
  <p:cSld name="Title - Centre">
    <p:spTree>
      <p:nvGrpSpPr>
        <p:cNvPr id="1" name=""/>
        <p:cNvGrpSpPr/>
        <p:nvPr/>
      </p:nvGrpSpPr>
      <p:grpSpPr>
        <a:xfrm>
          <a:off x="0" y="0"/>
          <a:ext cx="0" cy="0"/>
          <a:chOff x="0" y="0"/>
          <a:chExt cx="0" cy="0"/>
        </a:xfrm>
      </p:grpSpPr>
      <p:sp>
        <p:nvSpPr>
          <p:cNvPr id="30" name="Title Text"/>
          <p:cNvSpPr txBox="1">
            <a:spLocks noGrp="1"/>
          </p:cNvSpPr>
          <p:nvPr>
            <p:ph type="title"/>
          </p:nvPr>
        </p:nvSpPr>
        <p:spPr>
          <a:xfrm>
            <a:off x="1778000" y="4533900"/>
            <a:ext cx="20828000" cy="4648200"/>
          </a:xfrm>
          <a:prstGeom prst="rect">
            <a:avLst/>
          </a:prstGeom>
        </p:spPr>
        <p:txBody>
          <a:bodyPr/>
          <a:lstStyle/>
          <a:p>
            <a:r>
              <a:t>Title Text</a:t>
            </a:r>
          </a:p>
        </p:txBody>
      </p:sp>
      <p:sp>
        <p:nvSpPr>
          <p:cNvPr id="3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7731E-DF6C-0C63-78B6-04541FB35CB5}"/>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EB814DA0-EC27-B59E-3CE5-1D369D11D3F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2AF18A4F-0203-2A79-4963-AFDC910194C0}"/>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E02C7F5B-E43D-6365-8AB9-45764B76147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50E9EEA3-03A5-8B22-306B-EC884E853A0A}"/>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8397809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2A086-13EC-AA56-2341-FCCB81DE8E43}"/>
              </a:ext>
            </a:extLst>
          </p:cNvPr>
          <p:cNvSpPr>
            <a:spLocks noGrp="1"/>
          </p:cNvSpPr>
          <p:nvPr>
            <p:ph type="title"/>
          </p:nvPr>
        </p:nvSpPr>
        <p:spPr>
          <a:xfrm>
            <a:off x="1663700" y="3419477"/>
            <a:ext cx="21031200" cy="5705474"/>
          </a:xfrm>
        </p:spPr>
        <p:txBody>
          <a:bodyPr anchor="b"/>
          <a:lstStyle>
            <a:lvl1pPr>
              <a:defRPr sz="12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55EDF132-130A-697C-DB24-0A786F86BD37}"/>
              </a:ext>
            </a:extLst>
          </p:cNvPr>
          <p:cNvSpPr>
            <a:spLocks noGrp="1"/>
          </p:cNvSpPr>
          <p:nvPr>
            <p:ph type="body" idx="1"/>
          </p:nvPr>
        </p:nvSpPr>
        <p:spPr>
          <a:xfrm>
            <a:off x="1663700" y="9178927"/>
            <a:ext cx="21031200"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DFB41C-94BA-0596-239D-AE1BEACBCE2A}"/>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A0B48104-5311-CD33-737B-819B5683DD19}"/>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0CDB784-47B3-8490-8214-0724900941CD}"/>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7630016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2FAB-BA1A-F5C7-9BA6-D3300F9B32AB}"/>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81E3A968-0E74-8EDC-78A5-D3FACF5DCA88}"/>
              </a:ext>
            </a:extLst>
          </p:cNvPr>
          <p:cNvSpPr>
            <a:spLocks noGrp="1"/>
          </p:cNvSpPr>
          <p:nvPr>
            <p:ph sz="half" idx="1"/>
          </p:nvPr>
        </p:nvSpPr>
        <p:spPr>
          <a:xfrm>
            <a:off x="1676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4F2288AE-7A3E-564C-8869-65E1683AD936}"/>
              </a:ext>
            </a:extLst>
          </p:cNvPr>
          <p:cNvSpPr>
            <a:spLocks noGrp="1"/>
          </p:cNvSpPr>
          <p:nvPr>
            <p:ph sz="half" idx="2"/>
          </p:nvPr>
        </p:nvSpPr>
        <p:spPr>
          <a:xfrm>
            <a:off x="12344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88D5FFD6-5F74-9788-DE4A-588CF39D4E60}"/>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6" name="Footer Placeholder 5">
            <a:extLst>
              <a:ext uri="{FF2B5EF4-FFF2-40B4-BE49-F238E27FC236}">
                <a16:creationId xmlns:a16="http://schemas.microsoft.com/office/drawing/2014/main" id="{A2D0381D-7D72-261A-523F-F0AA5CE796E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AB64FD88-E474-1B38-F013-3BDED9404986}"/>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3024440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38AAFA-E65B-9F0F-3446-AA7960A9758B}"/>
              </a:ext>
            </a:extLst>
          </p:cNvPr>
          <p:cNvSpPr>
            <a:spLocks noGrp="1"/>
          </p:cNvSpPr>
          <p:nvPr>
            <p:ph type="title"/>
          </p:nvPr>
        </p:nvSpPr>
        <p:spPr>
          <a:xfrm>
            <a:off x="1679576" y="730251"/>
            <a:ext cx="21031200" cy="2651126"/>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74AF9E3-DC0A-1CD2-440E-DA0E600EBDC7}"/>
              </a:ext>
            </a:extLst>
          </p:cNvPr>
          <p:cNvSpPr>
            <a:spLocks noGrp="1"/>
          </p:cNvSpPr>
          <p:nvPr>
            <p:ph type="body" idx="1"/>
          </p:nvPr>
        </p:nvSpPr>
        <p:spPr>
          <a:xfrm>
            <a:off x="1679577" y="3362326"/>
            <a:ext cx="10315574"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69E37-81C8-1C6A-0E24-D88AFBBFDD42}"/>
              </a:ext>
            </a:extLst>
          </p:cNvPr>
          <p:cNvSpPr>
            <a:spLocks noGrp="1"/>
          </p:cNvSpPr>
          <p:nvPr>
            <p:ph sz="half" idx="2"/>
          </p:nvPr>
        </p:nvSpPr>
        <p:spPr>
          <a:xfrm>
            <a:off x="1679577" y="5010150"/>
            <a:ext cx="1031557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5C50716D-E7C5-FDCA-537F-DD773DC2215C}"/>
              </a:ext>
            </a:extLst>
          </p:cNvPr>
          <p:cNvSpPr>
            <a:spLocks noGrp="1"/>
          </p:cNvSpPr>
          <p:nvPr>
            <p:ph type="body" sz="quarter" idx="3"/>
          </p:nvPr>
        </p:nvSpPr>
        <p:spPr>
          <a:xfrm>
            <a:off x="12344400" y="3362326"/>
            <a:ext cx="1036637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a:extLst>
              <a:ext uri="{FF2B5EF4-FFF2-40B4-BE49-F238E27FC236}">
                <a16:creationId xmlns:a16="http://schemas.microsoft.com/office/drawing/2014/main" id="{7E023814-1B5D-1F23-1022-1997019BD5C4}"/>
              </a:ext>
            </a:extLst>
          </p:cNvPr>
          <p:cNvSpPr>
            <a:spLocks noGrp="1"/>
          </p:cNvSpPr>
          <p:nvPr>
            <p:ph sz="quarter" idx="4"/>
          </p:nvPr>
        </p:nvSpPr>
        <p:spPr>
          <a:xfrm>
            <a:off x="12344400" y="5010150"/>
            <a:ext cx="1036637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E434B64-0EF7-081A-79E6-42DBF8C29BF5}"/>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8" name="Footer Placeholder 7">
            <a:extLst>
              <a:ext uri="{FF2B5EF4-FFF2-40B4-BE49-F238E27FC236}">
                <a16:creationId xmlns:a16="http://schemas.microsoft.com/office/drawing/2014/main" id="{81E34435-AE32-B686-A141-4350FAE16305}"/>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F37939F-B274-991E-2750-52386034A4EB}"/>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8551366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92EC3-642C-B80C-BBF7-0FF9B60206C9}"/>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7633F957-3C6D-30CE-D819-2DBC7D23AB1B}"/>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4" name="Footer Placeholder 3">
            <a:extLst>
              <a:ext uri="{FF2B5EF4-FFF2-40B4-BE49-F238E27FC236}">
                <a16:creationId xmlns:a16="http://schemas.microsoft.com/office/drawing/2014/main" id="{88272FD1-40E9-9996-F437-AAA823323662}"/>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B3B8D3C4-D511-7CB5-5E3B-3F904F2F296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8004659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696DDF-F5AA-D6B7-DEB4-82B473D17B56}"/>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3" name="Footer Placeholder 2">
            <a:extLst>
              <a:ext uri="{FF2B5EF4-FFF2-40B4-BE49-F238E27FC236}">
                <a16:creationId xmlns:a16="http://schemas.microsoft.com/office/drawing/2014/main" id="{E04F9740-EB31-907F-B89E-88C923C5DE0A}"/>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257C63DF-DB3A-B4E1-9C30-892D6241623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2854675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C1F545-E5FD-CA7D-5737-77CEF271E6B8}"/>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34579434-A9FC-6F51-8BB0-856403450FF7}"/>
              </a:ext>
            </a:extLst>
          </p:cNvPr>
          <p:cNvSpPr>
            <a:spLocks noGrp="1"/>
          </p:cNvSpPr>
          <p:nvPr>
            <p:ph idx="1"/>
          </p:nvPr>
        </p:nvSpPr>
        <p:spPr>
          <a:xfrm>
            <a:off x="10366376" y="1974851"/>
            <a:ext cx="12344400" cy="9747250"/>
          </a:xfrm>
        </p:spPr>
        <p:txBody>
          <a:bodyPr/>
          <a:lstStyle>
            <a:lvl1pPr>
              <a:defRPr sz="6400"/>
            </a:lvl1pPr>
            <a:lvl2pPr>
              <a:defRPr sz="5600"/>
            </a:lvl2pPr>
            <a:lvl3pPr>
              <a:defRPr sz="4800"/>
            </a:lvl3pPr>
            <a:lvl4pPr>
              <a:defRPr sz="4000"/>
            </a:lvl4pPr>
            <a:lvl5pPr>
              <a:defRPr sz="4000"/>
            </a:lvl5pPr>
            <a:lvl6pPr>
              <a:defRPr sz="4000"/>
            </a:lvl6pPr>
            <a:lvl7pPr>
              <a:defRPr sz="4000"/>
            </a:lvl7pPr>
            <a:lvl8pPr>
              <a:defRPr sz="4000"/>
            </a:lvl8pPr>
            <a:lvl9pPr>
              <a:defRPr sz="4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7DDF8B06-72BD-7066-19FF-7CAA25F2E89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80B5BF32-627B-77B4-E82B-85432E487BBA}"/>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6" name="Footer Placeholder 5">
            <a:extLst>
              <a:ext uri="{FF2B5EF4-FFF2-40B4-BE49-F238E27FC236}">
                <a16:creationId xmlns:a16="http://schemas.microsoft.com/office/drawing/2014/main" id="{1620D17E-97CC-E720-8645-FE6457F9E991}"/>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F4F09839-7E5D-FA14-76FD-09B8ECD72B7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33588672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677EF3-A02C-F661-32D3-49BC6D014725}"/>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1ABF3397-A084-DF27-A90C-23AA23F4C9ED}"/>
              </a:ext>
            </a:extLst>
          </p:cNvPr>
          <p:cNvSpPr>
            <a:spLocks noGrp="1"/>
          </p:cNvSpPr>
          <p:nvPr>
            <p:ph type="pic" idx="1"/>
          </p:nvPr>
        </p:nvSpPr>
        <p:spPr>
          <a:xfrm>
            <a:off x="10366376" y="1974851"/>
            <a:ext cx="12344400" cy="9747250"/>
          </a:xfrm>
        </p:spPr>
        <p:txBody>
          <a:bodyPr/>
          <a:lstStyle>
            <a:lvl1pPr marL="0" indent="0">
              <a:buNone/>
              <a:defRPr sz="6400"/>
            </a:lvl1pPr>
            <a:lvl2pPr marL="914400" indent="0">
              <a:buNone/>
              <a:defRPr sz="5600"/>
            </a:lvl2pPr>
            <a:lvl3pPr marL="1828800" indent="0">
              <a:buNone/>
              <a:defRPr sz="4800"/>
            </a:lvl3pPr>
            <a:lvl4pPr marL="2743200" indent="0">
              <a:buNone/>
              <a:defRPr sz="4000"/>
            </a:lvl4pPr>
            <a:lvl5pPr marL="3657600" indent="0">
              <a:buNone/>
              <a:defRPr sz="4000"/>
            </a:lvl5pPr>
            <a:lvl6pPr marL="4572000" indent="0">
              <a:buNone/>
              <a:defRPr sz="4000"/>
            </a:lvl6pPr>
            <a:lvl7pPr marL="5486400" indent="0">
              <a:buNone/>
              <a:defRPr sz="4000"/>
            </a:lvl7pPr>
            <a:lvl8pPr marL="6400800" indent="0">
              <a:buNone/>
              <a:defRPr sz="4000"/>
            </a:lvl8pPr>
            <a:lvl9pPr marL="7315200" indent="0">
              <a:buNone/>
              <a:defRPr sz="4000"/>
            </a:lvl9pPr>
          </a:lstStyle>
          <a:p>
            <a:endParaRPr lang="en-AU"/>
          </a:p>
        </p:txBody>
      </p:sp>
      <p:sp>
        <p:nvSpPr>
          <p:cNvPr id="4" name="Text Placeholder 3">
            <a:extLst>
              <a:ext uri="{FF2B5EF4-FFF2-40B4-BE49-F238E27FC236}">
                <a16:creationId xmlns:a16="http://schemas.microsoft.com/office/drawing/2014/main" id="{E2604AD9-BF65-51CC-FB2E-ABFFA99F43B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4B86F6D1-CF82-A906-122F-D9A5738E04C0}"/>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6" name="Footer Placeholder 5">
            <a:extLst>
              <a:ext uri="{FF2B5EF4-FFF2-40B4-BE49-F238E27FC236}">
                <a16:creationId xmlns:a16="http://schemas.microsoft.com/office/drawing/2014/main" id="{382323C6-6074-6F05-0990-10F142046A99}"/>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4BD07473-60AD-AE8F-3BA1-A597CC0C41F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71757720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FDC6EC-81EE-8B5F-2D0D-41575E889E0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E26008B5-E1B5-20E0-078D-FCCF39E0D52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F905C9D0-A41B-BB47-7E45-908951700BB9}"/>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94B11B2C-B0BF-AB8F-F794-F78CBB47969F}"/>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864B5C4D-9C4E-E09A-3DD4-702936EF30CF}"/>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230384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C44202D-7DDA-3DA8-63F9-41F92DFEF927}"/>
              </a:ext>
            </a:extLst>
          </p:cNvPr>
          <p:cNvSpPr>
            <a:spLocks noGrp="1"/>
          </p:cNvSpPr>
          <p:nvPr>
            <p:ph type="title" orient="vert"/>
          </p:nvPr>
        </p:nvSpPr>
        <p:spPr>
          <a:xfrm>
            <a:off x="17449800" y="730250"/>
            <a:ext cx="5257800" cy="11623676"/>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FD3854EE-316D-119A-A7DD-2C60E002775D}"/>
              </a:ext>
            </a:extLst>
          </p:cNvPr>
          <p:cNvSpPr>
            <a:spLocks noGrp="1"/>
          </p:cNvSpPr>
          <p:nvPr>
            <p:ph type="body" orient="vert" idx="1"/>
          </p:nvPr>
        </p:nvSpPr>
        <p:spPr>
          <a:xfrm>
            <a:off x="1676400" y="730250"/>
            <a:ext cx="15468600"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107535F0-E350-BE3B-1FB3-BAD62FDE1D85}"/>
              </a:ext>
            </a:extLst>
          </p:cNvPr>
          <p:cNvSpPr>
            <a:spLocks noGrp="1"/>
          </p:cNvSpPr>
          <p:nvPr>
            <p:ph type="dt" sz="half" idx="10"/>
          </p:nvPr>
        </p:nvSpPr>
        <p:spPr/>
        <p:txBody>
          <a:body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7CB0FDA8-5528-AF82-6546-0F3E19AFCC16}"/>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398F3F2-6906-3242-326C-CD990953872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5589603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x">
  <p:cSld name="Photo - Vertical">
    <p:spTree>
      <p:nvGrpSpPr>
        <p:cNvPr id="1" name=""/>
        <p:cNvGrpSpPr/>
        <p:nvPr/>
      </p:nvGrpSpPr>
      <p:grpSpPr>
        <a:xfrm>
          <a:off x="0" y="0"/>
          <a:ext cx="0" cy="0"/>
          <a:chOff x="0" y="0"/>
          <a:chExt cx="0" cy="0"/>
        </a:xfrm>
      </p:grpSpPr>
      <p:sp>
        <p:nvSpPr>
          <p:cNvPr id="38" name="Image"/>
          <p:cNvSpPr>
            <a:spLocks noGrp="1"/>
          </p:cNvSpPr>
          <p:nvPr>
            <p:ph type="pic" idx="13"/>
          </p:nvPr>
        </p:nvSpPr>
        <p:spPr>
          <a:xfrm>
            <a:off x="7950200" y="1104900"/>
            <a:ext cx="17259302" cy="11506201"/>
          </a:xfrm>
          <a:prstGeom prst="rect">
            <a:avLst/>
          </a:prstGeom>
        </p:spPr>
        <p:txBody>
          <a:bodyPr lIns="91439" tIns="45719" rIns="91439" bIns="45719" anchor="t">
            <a:noAutofit/>
          </a:bodyPr>
          <a:lstStyle/>
          <a:p>
            <a:endParaRPr/>
          </a:p>
        </p:txBody>
      </p:sp>
      <p:sp>
        <p:nvSpPr>
          <p:cNvPr id="39" name="Title Text"/>
          <p:cNvSpPr txBox="1">
            <a:spLocks noGrp="1"/>
          </p:cNvSpPr>
          <p:nvPr>
            <p:ph type="title"/>
          </p:nvPr>
        </p:nvSpPr>
        <p:spPr>
          <a:xfrm>
            <a:off x="1651000" y="952500"/>
            <a:ext cx="10223500" cy="5549900"/>
          </a:xfrm>
          <a:prstGeom prst="rect">
            <a:avLst/>
          </a:prstGeom>
        </p:spPr>
        <p:txBody>
          <a:bodyPr anchor="b"/>
          <a:lstStyle>
            <a:lvl1pPr>
              <a:defRPr sz="8400"/>
            </a:lvl1pPr>
          </a:lstStyle>
          <a:p>
            <a:r>
              <a:t>Title Text</a:t>
            </a:r>
          </a:p>
        </p:txBody>
      </p:sp>
      <p:sp>
        <p:nvSpPr>
          <p:cNvPr id="40" name="Body Level One…"/>
          <p:cNvSpPr txBox="1">
            <a:spLocks noGrp="1"/>
          </p:cNvSpPr>
          <p:nvPr>
            <p:ph type="body" sz="quarter" idx="1"/>
          </p:nvPr>
        </p:nvSpPr>
        <p:spPr>
          <a:xfrm>
            <a:off x="1651000" y="6527800"/>
            <a:ext cx="10223500" cy="57277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4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344889558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7947004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48428626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161423287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1569925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239843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274537565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3031431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2571781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1699841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
  <p:cSld name="Title - Top">
    <p:spTree>
      <p:nvGrpSpPr>
        <p:cNvPr id="1" name=""/>
        <p:cNvGrpSpPr/>
        <p:nvPr/>
      </p:nvGrpSpPr>
      <p:grpSpPr>
        <a:xfrm>
          <a:off x="0" y="0"/>
          <a:ext cx="0" cy="0"/>
          <a:chOff x="0" y="0"/>
          <a:chExt cx="0" cy="0"/>
        </a:xfrm>
      </p:grpSpPr>
      <p:sp>
        <p:nvSpPr>
          <p:cNvPr id="48" name="Title Text"/>
          <p:cNvSpPr txBox="1">
            <a:spLocks noGrp="1"/>
          </p:cNvSpPr>
          <p:nvPr>
            <p:ph type="title"/>
          </p:nvPr>
        </p:nvSpPr>
        <p:spPr>
          <a:prstGeom prst="rect">
            <a:avLst/>
          </a:prstGeom>
        </p:spPr>
        <p:txBody>
          <a:bodyPr/>
          <a:lstStyle/>
          <a:p>
            <a:r>
              <a:t>Title Text</a:t>
            </a:r>
          </a:p>
        </p:txBody>
      </p:sp>
      <p:sp>
        <p:nvSpPr>
          <p:cNvPr id="49"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778740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2557857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35417363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172994646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78221664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79739156"/>
      </p:ext>
    </p:extLst>
  </p:cSld>
  <p:clrMapOvr>
    <a:masterClrMapping/>
  </p:clrMapOvr>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0153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25-Sep-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178813883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x">
  <p:cSld name="Title, Bullets &amp; Photo">
    <p:spTree>
      <p:nvGrpSpPr>
        <p:cNvPr id="1" name=""/>
        <p:cNvGrpSpPr/>
        <p:nvPr/>
      </p:nvGrpSpPr>
      <p:grpSpPr>
        <a:xfrm>
          <a:off x="0" y="0"/>
          <a:ext cx="0" cy="0"/>
          <a:chOff x="0" y="0"/>
          <a:chExt cx="0" cy="0"/>
        </a:xfrm>
      </p:grpSpPr>
      <p:sp>
        <p:nvSpPr>
          <p:cNvPr id="65" name="Image"/>
          <p:cNvSpPr>
            <a:spLocks noGrp="1"/>
          </p:cNvSpPr>
          <p:nvPr>
            <p:ph type="pic" sz="half" idx="13"/>
          </p:nvPr>
        </p:nvSpPr>
        <p:spPr>
          <a:xfrm>
            <a:off x="10960100" y="3149600"/>
            <a:ext cx="13944600" cy="9296400"/>
          </a:xfrm>
          <a:prstGeom prst="rect">
            <a:avLst/>
          </a:prstGeom>
        </p:spPr>
        <p:txBody>
          <a:bodyPr lIns="91439" tIns="45719" rIns="91439" bIns="45719" anchor="t">
            <a:noAutofit/>
          </a:bodyPr>
          <a:lstStyle/>
          <a:p>
            <a:endParaRPr/>
          </a:p>
        </p:txBody>
      </p:sp>
      <p:sp>
        <p:nvSpPr>
          <p:cNvPr id="66" name="Title Text"/>
          <p:cNvSpPr txBox="1">
            <a:spLocks noGrp="1"/>
          </p:cNvSpPr>
          <p:nvPr>
            <p:ph type="title"/>
          </p:nvPr>
        </p:nvSpPr>
        <p:spPr>
          <a:prstGeom prst="rect">
            <a:avLst/>
          </a:prstGeom>
        </p:spPr>
        <p:txBody>
          <a:bodyPr/>
          <a:lstStyle/>
          <a:p>
            <a:r>
              <a:t>Title Text</a:t>
            </a:r>
          </a:p>
        </p:txBody>
      </p:sp>
      <p:sp>
        <p:nvSpPr>
          <p:cNvPr id="67" name="Body Level One…"/>
          <p:cNvSpPr txBox="1">
            <a:spLocks noGrp="1"/>
          </p:cNvSpPr>
          <p:nvPr>
            <p:ph type="body" sz="half" idx="1"/>
          </p:nvPr>
        </p:nvSpPr>
        <p:spPr>
          <a:xfrm>
            <a:off x="1689100" y="3149600"/>
            <a:ext cx="10223500" cy="9296400"/>
          </a:xfrm>
          <a:prstGeom prst="rect">
            <a:avLst/>
          </a:prstGeom>
        </p:spPr>
        <p:txBody>
          <a:bodyPr/>
          <a:lstStyle>
            <a:lvl1pPr marL="558800" indent="-558800">
              <a:spcBef>
                <a:spcPts val="4500"/>
              </a:spcBef>
              <a:defRPr sz="3800"/>
            </a:lvl1pPr>
            <a:lvl2pPr marL="1117600" indent="-558800">
              <a:spcBef>
                <a:spcPts val="4500"/>
              </a:spcBef>
              <a:defRPr sz="3800"/>
            </a:lvl2pPr>
            <a:lvl3pPr marL="1676400" indent="-558800">
              <a:spcBef>
                <a:spcPts val="4500"/>
              </a:spcBef>
              <a:defRPr sz="3800"/>
            </a:lvl3pPr>
            <a:lvl4pPr marL="2235200" indent="-558800">
              <a:spcBef>
                <a:spcPts val="4500"/>
              </a:spcBef>
              <a:defRPr sz="3800"/>
            </a:lvl4pPr>
            <a:lvl5pPr marL="2794000" indent="-558800">
              <a:spcBef>
                <a:spcPts val="4500"/>
              </a:spcBef>
              <a:defRPr sz="3800"/>
            </a:lvl5pPr>
          </a:lstStyle>
          <a:p>
            <a:r>
              <a:t>Body Level One</a:t>
            </a:r>
          </a:p>
          <a:p>
            <a:pPr lvl="1"/>
            <a:r>
              <a:t>Body Level Two</a:t>
            </a:r>
          </a:p>
          <a:p>
            <a:pPr lvl="2"/>
            <a:r>
              <a:t>Body Level Three</a:t>
            </a:r>
          </a:p>
          <a:p>
            <a:pPr lvl="3"/>
            <a:r>
              <a:t>Body Level Four</a:t>
            </a:r>
          </a:p>
          <a:p>
            <a:pPr lvl="4"/>
            <a:r>
              <a:t>Body Level Five</a:t>
            </a:r>
          </a:p>
        </p:txBody>
      </p:sp>
      <p:sp>
        <p:nvSpPr>
          <p:cNvPr id="6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x">
  <p:cSld name="Bullets">
    <p:spTree>
      <p:nvGrpSpPr>
        <p:cNvPr id="1" name=""/>
        <p:cNvGrpSpPr/>
        <p:nvPr/>
      </p:nvGrpSpPr>
      <p:grpSpPr>
        <a:xfrm>
          <a:off x="0" y="0"/>
          <a:ext cx="0" cy="0"/>
          <a:chOff x="0" y="0"/>
          <a:chExt cx="0" cy="0"/>
        </a:xfrm>
      </p:grpSpPr>
      <p:sp>
        <p:nvSpPr>
          <p:cNvPr id="75" name="Body Level One…"/>
          <p:cNvSpPr txBox="1">
            <a:spLocks noGrp="1"/>
          </p:cNvSpPr>
          <p:nvPr>
            <p:ph type="body" idx="1"/>
          </p:nvPr>
        </p:nvSpPr>
        <p:spPr>
          <a:xfrm>
            <a:off x="1689100" y="1778000"/>
            <a:ext cx="21005800" cy="10160000"/>
          </a:xfrm>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7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x">
  <p:cSld name="Photo - 3 Up">
    <p:spTree>
      <p:nvGrpSpPr>
        <p:cNvPr id="1" name=""/>
        <p:cNvGrpSpPr/>
        <p:nvPr/>
      </p:nvGrpSpPr>
      <p:grpSpPr>
        <a:xfrm>
          <a:off x="0" y="0"/>
          <a:ext cx="0" cy="0"/>
          <a:chOff x="0" y="0"/>
          <a:chExt cx="0" cy="0"/>
        </a:xfrm>
      </p:grpSpPr>
      <p:sp>
        <p:nvSpPr>
          <p:cNvPr id="83" name="Image"/>
          <p:cNvSpPr>
            <a:spLocks noGrp="1"/>
          </p:cNvSpPr>
          <p:nvPr>
            <p:ph type="pic" sz="quarter" idx="13"/>
          </p:nvPr>
        </p:nvSpPr>
        <p:spPr>
          <a:xfrm>
            <a:off x="15681340" y="7035800"/>
            <a:ext cx="8396678" cy="5600700"/>
          </a:xfrm>
          <a:prstGeom prst="rect">
            <a:avLst/>
          </a:prstGeom>
        </p:spPr>
        <p:txBody>
          <a:bodyPr lIns="91439" tIns="45719" rIns="91439" bIns="45719" anchor="t">
            <a:noAutofit/>
          </a:bodyPr>
          <a:lstStyle/>
          <a:p>
            <a:endParaRPr/>
          </a:p>
        </p:txBody>
      </p:sp>
      <p:sp>
        <p:nvSpPr>
          <p:cNvPr id="84" name="Image"/>
          <p:cNvSpPr>
            <a:spLocks noGrp="1"/>
          </p:cNvSpPr>
          <p:nvPr>
            <p:ph type="pic" sz="quarter" idx="14"/>
          </p:nvPr>
        </p:nvSpPr>
        <p:spPr>
          <a:xfrm>
            <a:off x="15290800" y="1130300"/>
            <a:ext cx="8331200" cy="5554134"/>
          </a:xfrm>
          <a:prstGeom prst="rect">
            <a:avLst/>
          </a:prstGeom>
        </p:spPr>
        <p:txBody>
          <a:bodyPr lIns="91439" tIns="45719" rIns="91439" bIns="45719" anchor="t">
            <a:noAutofit/>
          </a:bodyPr>
          <a:lstStyle/>
          <a:p>
            <a:endParaRPr/>
          </a:p>
        </p:txBody>
      </p:sp>
      <p:sp>
        <p:nvSpPr>
          <p:cNvPr id="85" name="Image"/>
          <p:cNvSpPr>
            <a:spLocks noGrp="1"/>
          </p:cNvSpPr>
          <p:nvPr>
            <p:ph type="pic" idx="15"/>
          </p:nvPr>
        </p:nvSpPr>
        <p:spPr>
          <a:xfrm>
            <a:off x="-304800" y="1130300"/>
            <a:ext cx="17202150" cy="11468100"/>
          </a:xfrm>
          <a:prstGeom prst="rect">
            <a:avLst/>
          </a:prstGeom>
        </p:spPr>
        <p:txBody>
          <a:bodyPr lIns="91439" tIns="45719" rIns="91439" bIns="45719" anchor="t">
            <a:noAutofit/>
          </a:bodyPr>
          <a:lstStyle/>
          <a:p>
            <a:endParaRPr/>
          </a:p>
        </p:txBody>
      </p:sp>
      <p:sp>
        <p:nvSpPr>
          <p:cNvPr id="8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x">
  <p:cSld name="Quote">
    <p:spTree>
      <p:nvGrpSpPr>
        <p:cNvPr id="1" name=""/>
        <p:cNvGrpSpPr/>
        <p:nvPr/>
      </p:nvGrpSpPr>
      <p:grpSpPr>
        <a:xfrm>
          <a:off x="0" y="0"/>
          <a:ext cx="0" cy="0"/>
          <a:chOff x="0" y="0"/>
          <a:chExt cx="0" cy="0"/>
        </a:xfrm>
      </p:grpSpPr>
      <p:sp>
        <p:nvSpPr>
          <p:cNvPr id="93" name="–Joe Bloggs"/>
          <p:cNvSpPr txBox="1">
            <a:spLocks noGrp="1"/>
          </p:cNvSpPr>
          <p:nvPr>
            <p:ph type="body" sz="quarter" idx="13"/>
          </p:nvPr>
        </p:nvSpPr>
        <p:spPr>
          <a:xfrm>
            <a:off x="2387600" y="8953500"/>
            <a:ext cx="19621500" cy="585521"/>
          </a:xfrm>
          <a:prstGeom prst="rect">
            <a:avLst/>
          </a:prstGeom>
        </p:spPr>
        <p:txBody>
          <a:bodyPr anchor="t">
            <a:spAutoFit/>
          </a:bodyPr>
          <a:lstStyle>
            <a:lvl1pPr marL="0" indent="0" algn="ctr">
              <a:spcBef>
                <a:spcPts val="0"/>
              </a:spcBef>
              <a:buSzTx/>
              <a:buNone/>
              <a:defRPr sz="3200" i="1"/>
            </a:lvl1pPr>
          </a:lstStyle>
          <a:p>
            <a:r>
              <a:t>–Joe Bloggs</a:t>
            </a:r>
          </a:p>
        </p:txBody>
      </p:sp>
      <p:sp>
        <p:nvSpPr>
          <p:cNvPr id="94" name="“Type a quote here.”"/>
          <p:cNvSpPr txBox="1">
            <a:spLocks noGrp="1"/>
          </p:cNvSpPr>
          <p:nvPr>
            <p:ph type="body" sz="quarter" idx="14"/>
          </p:nvPr>
        </p:nvSpPr>
        <p:spPr>
          <a:xfrm>
            <a:off x="2387600" y="6076950"/>
            <a:ext cx="19621500" cy="825500"/>
          </a:xfrm>
          <a:prstGeom prst="rect">
            <a:avLst/>
          </a:prstGeom>
        </p:spPr>
        <p:txBody>
          <a:bodyPr>
            <a:spAutoFit/>
          </a:bodyPr>
          <a:lstStyle>
            <a:lvl1pPr marL="0" indent="0" algn="ctr">
              <a:spcBef>
                <a:spcPts val="0"/>
              </a:spcBef>
              <a:buSzTx/>
              <a:buNone/>
              <a:defRPr sz="4800">
                <a:latin typeface="+mn-lt"/>
                <a:ea typeface="+mn-ea"/>
                <a:cs typeface="+mn-cs"/>
                <a:sym typeface="Helvetica Neue Medium"/>
              </a:defRPr>
            </a:lvl1pPr>
          </a:lstStyle>
          <a:p>
            <a:r>
              <a:t>“Type a quote here.” </a:t>
            </a:r>
          </a:p>
        </p:txBody>
      </p:sp>
      <p:sp>
        <p:nvSpPr>
          <p:cNvPr id="95"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17" Type="http://schemas.openxmlformats.org/officeDocument/2006/relationships/theme" Target="../theme/theme2.xml"/><Relationship Id="rId2" Type="http://schemas.openxmlformats.org/officeDocument/2006/relationships/slideLayout" Target="../slideLayouts/slideLayout14.xml"/><Relationship Id="rId16" Type="http://schemas.openxmlformats.org/officeDocument/2006/relationships/slideLayout" Target="../slideLayouts/slideLayout28.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0" Type="http://schemas.openxmlformats.org/officeDocument/2006/relationships/slideLayout" Target="../slideLayouts/slideLayout38.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theme" Target="../theme/theme4.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Title Text"/>
          <p:cNvSpPr txBox="1">
            <a:spLocks noGrp="1"/>
          </p:cNvSpPr>
          <p:nvPr>
            <p:ph type="title"/>
          </p:nvPr>
        </p:nvSpPr>
        <p:spPr>
          <a:xfrm>
            <a:off x="1689100" y="355600"/>
            <a:ext cx="21005800" cy="22860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Title Text</a:t>
            </a:r>
          </a:p>
        </p:txBody>
      </p:sp>
      <p:sp>
        <p:nvSpPr>
          <p:cNvPr id="3" name="Body Level One…"/>
          <p:cNvSpPr txBox="1">
            <a:spLocks noGrp="1"/>
          </p:cNvSpPr>
          <p:nvPr>
            <p:ph type="body" idx="1"/>
          </p:nvPr>
        </p:nvSpPr>
        <p:spPr>
          <a:xfrm>
            <a:off x="1689100" y="3149600"/>
            <a:ext cx="21005800" cy="92964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Body Level One</a:t>
            </a:r>
          </a:p>
          <a:p>
            <a:pPr lvl="1"/>
            <a:r>
              <a:t>Body Level Two</a:t>
            </a:r>
          </a:p>
          <a:p>
            <a:pPr lvl="2"/>
            <a:r>
              <a:t>Body Level Three</a:t>
            </a:r>
          </a:p>
          <a:p>
            <a:pPr lvl="3"/>
            <a:r>
              <a:t>Body Level Four</a:t>
            </a:r>
          </a:p>
          <a:p>
            <a:pPr lvl="4"/>
            <a:r>
              <a:t>Body Level Five</a:t>
            </a:r>
          </a:p>
        </p:txBody>
      </p:sp>
      <p:sp>
        <p:nvSpPr>
          <p:cNvPr id="4" name="Slide Number"/>
          <p:cNvSpPr txBox="1">
            <a:spLocks noGrp="1"/>
          </p:cNvSpPr>
          <p:nvPr>
            <p:ph type="sldNum" sz="quarter" idx="2"/>
          </p:nvPr>
        </p:nvSpPr>
        <p:spPr>
          <a:xfrm>
            <a:off x="11959031" y="13081000"/>
            <a:ext cx="453238" cy="461059"/>
          </a:xfrm>
          <a:prstGeom prst="rect">
            <a:avLst/>
          </a:prstGeom>
          <a:ln w="12700">
            <a:miter lim="400000"/>
          </a:ln>
        </p:spPr>
        <p:txBody>
          <a:bodyPr wrap="none" lIns="50800" tIns="50800" rIns="50800" bIns="50800">
            <a:spAutoFit/>
          </a:bodyPr>
          <a:lstStyle>
            <a:lvl1pPr>
              <a:defRPr sz="2400" b="0">
                <a:latin typeface="Helvetica Neue Light"/>
                <a:ea typeface="Helvetica Neue Light"/>
                <a:cs typeface="Helvetica Neue Light"/>
                <a:sym typeface="Helvetica Neue Light"/>
              </a:defRPr>
            </a:lvl1pPr>
          </a:lstStyle>
          <a:p>
            <a:fld id="{86CB4B4D-7CA3-9044-876B-883B54F8677D}" type="slidenum">
              <a:t>‹#›</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5" r:id="rId6"/>
    <p:sldLayoutId id="2147483656" r:id="rId7"/>
    <p:sldLayoutId id="2147483657" r:id="rId8"/>
    <p:sldLayoutId id="2147483658" r:id="rId9"/>
    <p:sldLayoutId id="2147483659" r:id="rId10"/>
    <p:sldLayoutId id="2147483660" r:id="rId11"/>
    <p:sldLayoutId id="2147483694" r:id="rId12"/>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1pPr>
      <a:lvl2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2pPr>
      <a:lvl3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3pPr>
      <a:lvl4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4pPr>
      <a:lvl5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5pPr>
      <a:lvl6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6pPr>
      <a:lvl7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7pPr>
      <a:lvl8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8pPr>
      <a:lvl9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9pPr>
    </p:titleStyle>
    <p:body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p:bodyStyle>
    <p:otherStyle>
      <a:lvl1pPr marL="0" marR="0" indent="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1pPr>
      <a:lvl2pPr marL="0" marR="0" indent="228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2pPr>
      <a:lvl3pPr marL="0" marR="0" indent="457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3pPr>
      <a:lvl4pPr marL="0" marR="0" indent="685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4pPr>
      <a:lvl5pPr marL="0" marR="0" indent="9144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5pPr>
      <a:lvl6pPr marL="0" marR="0" indent="11430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6pPr>
      <a:lvl7pPr marL="0" marR="0" indent="1371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7pPr>
      <a:lvl8pPr marL="0" marR="0" indent="1600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8pPr>
      <a:lvl9pPr marL="0" marR="0" indent="1828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137447511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8" r:id="rId16"/>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5EBEEF0-D59F-1968-301E-76D57D6CDFF8}"/>
              </a:ext>
            </a:extLst>
          </p:cNvPr>
          <p:cNvSpPr>
            <a:spLocks noGrp="1"/>
          </p:cNvSpPr>
          <p:nvPr>
            <p:ph type="title"/>
          </p:nvPr>
        </p:nvSpPr>
        <p:spPr>
          <a:xfrm>
            <a:off x="1676400" y="730251"/>
            <a:ext cx="21031200" cy="265112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99EC84C-6BDC-BAA2-D313-0BD3898469CA}"/>
              </a:ext>
            </a:extLst>
          </p:cNvPr>
          <p:cNvSpPr>
            <a:spLocks noGrp="1"/>
          </p:cNvSpPr>
          <p:nvPr>
            <p:ph type="body" idx="1"/>
          </p:nvPr>
        </p:nvSpPr>
        <p:spPr>
          <a:xfrm>
            <a:off x="1676400" y="3651250"/>
            <a:ext cx="2103120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79D0E9CF-D596-F70B-4DC8-034D110DC385}"/>
              </a:ext>
            </a:extLst>
          </p:cNvPr>
          <p:cNvSpPr>
            <a:spLocks noGrp="1"/>
          </p:cNvSpPr>
          <p:nvPr>
            <p:ph type="dt" sz="half" idx="2"/>
          </p:nvPr>
        </p:nvSpPr>
        <p:spPr>
          <a:xfrm>
            <a:off x="1676400" y="12712701"/>
            <a:ext cx="5486400" cy="730250"/>
          </a:xfrm>
          <a:prstGeom prst="rect">
            <a:avLst/>
          </a:prstGeom>
        </p:spPr>
        <p:txBody>
          <a:bodyPr vert="horz" lIns="91440" tIns="45720" rIns="91440" bIns="45720" rtlCol="0" anchor="ctr"/>
          <a:lstStyle>
            <a:lvl1pPr algn="l">
              <a:defRPr sz="2400">
                <a:solidFill>
                  <a:schemeClr val="tx1">
                    <a:tint val="75000"/>
                  </a:schemeClr>
                </a:solidFill>
              </a:defRPr>
            </a:lvl1pPr>
          </a:lstStyle>
          <a:p>
            <a:fld id="{C11B6729-EA8A-4074-B7EF-213B1501EA94}" type="datetimeFigureOut">
              <a:rPr lang="en-AU" smtClean="0"/>
              <a:t>25-Sep-2023</a:t>
            </a:fld>
            <a:endParaRPr lang="en-AU"/>
          </a:p>
        </p:txBody>
      </p:sp>
      <p:sp>
        <p:nvSpPr>
          <p:cNvPr id="5" name="Footer Placeholder 4">
            <a:extLst>
              <a:ext uri="{FF2B5EF4-FFF2-40B4-BE49-F238E27FC236}">
                <a16:creationId xmlns:a16="http://schemas.microsoft.com/office/drawing/2014/main" id="{106C528B-7350-A50A-E19F-98C6666BAAF5}"/>
              </a:ext>
            </a:extLst>
          </p:cNvPr>
          <p:cNvSpPr>
            <a:spLocks noGrp="1"/>
          </p:cNvSpPr>
          <p:nvPr>
            <p:ph type="ftr" sz="quarter" idx="3"/>
          </p:nvPr>
        </p:nvSpPr>
        <p:spPr>
          <a:xfrm>
            <a:off x="8077200" y="12712701"/>
            <a:ext cx="8229600" cy="730250"/>
          </a:xfrm>
          <a:prstGeom prst="rect">
            <a:avLst/>
          </a:prstGeom>
        </p:spPr>
        <p:txBody>
          <a:bodyPr vert="horz" lIns="91440" tIns="45720" rIns="91440" bIns="45720" rtlCol="0" anchor="ctr"/>
          <a:lstStyle>
            <a:lvl1pPr algn="ctr">
              <a:defRPr sz="24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C429F637-5DD7-CD7C-5EC7-87A0863758F4}"/>
              </a:ext>
            </a:extLst>
          </p:cNvPr>
          <p:cNvSpPr>
            <a:spLocks noGrp="1"/>
          </p:cNvSpPr>
          <p:nvPr>
            <p:ph type="sldNum" sz="quarter" idx="4"/>
          </p:nvPr>
        </p:nvSpPr>
        <p:spPr>
          <a:xfrm>
            <a:off x="17221200" y="12712701"/>
            <a:ext cx="5486400" cy="730250"/>
          </a:xfrm>
          <a:prstGeom prst="rect">
            <a:avLst/>
          </a:prstGeom>
        </p:spPr>
        <p:txBody>
          <a:bodyPr vert="horz" lIns="91440" tIns="45720" rIns="91440" bIns="45720" rtlCol="0" anchor="ctr"/>
          <a:lstStyle>
            <a:lvl1pPr algn="r">
              <a:defRPr sz="2400">
                <a:solidFill>
                  <a:schemeClr val="tx1">
                    <a:tint val="75000"/>
                  </a:schemeClr>
                </a:solidFill>
              </a:defRPr>
            </a:lvl1pPr>
          </a:lstStyle>
          <a:p>
            <a:fld id="{CB418214-23EC-489E-8034-6A13C4B7A861}" type="slidenum">
              <a:rPr lang="en-AU" smtClean="0"/>
              <a:t>‹#›</a:t>
            </a:fld>
            <a:endParaRPr lang="en-AU"/>
          </a:p>
        </p:txBody>
      </p:sp>
    </p:spTree>
    <p:extLst>
      <p:ext uri="{BB962C8B-B14F-4D97-AF65-F5344CB8AC3E}">
        <p14:creationId xmlns:p14="http://schemas.microsoft.com/office/powerpoint/2010/main" val="3455580927"/>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52" r:id="rId13"/>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90000"/>
        </a:lnSpc>
        <a:spcBef>
          <a:spcPct val="0"/>
        </a:spcBef>
        <a:buNone/>
        <a:defRPr sz="8800" kern="1200">
          <a:solidFill>
            <a:schemeClr val="tx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416369138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8" r:id="rId16"/>
  </p:sldLayoutIdLs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1.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1.png"/><Relationship Id="rId7"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35.xml"/><Relationship Id="rId6" Type="http://schemas.openxmlformats.org/officeDocument/2006/relationships/image" Target="../media/image13.png"/><Relationship Id="rId5" Type="http://schemas.openxmlformats.org/officeDocument/2006/relationships/image" Target="../media/image12.png"/><Relationship Id="rId10" Type="http://schemas.openxmlformats.org/officeDocument/2006/relationships/image" Target="../media/image16.png"/><Relationship Id="rId4" Type="http://schemas.microsoft.com/office/2007/relationships/hdphoto" Target="../media/hdphoto3.wdp"/><Relationship Id="rId9" Type="http://schemas.microsoft.com/office/2007/relationships/hdphoto" Target="../media/hdphoto4.wdp"/></Relationships>
</file>

<file path=ppt/slides/_rels/slide11.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image" Target="../media/image17.png"/><Relationship Id="rId7" Type="http://schemas.openxmlformats.org/officeDocument/2006/relationships/image" Target="../media/image19.png"/><Relationship Id="rId2" Type="http://schemas.openxmlformats.org/officeDocument/2006/relationships/notesSlide" Target="../notesSlides/notesSlide11.xml"/><Relationship Id="rId1" Type="http://schemas.openxmlformats.org/officeDocument/2006/relationships/slideLayout" Target="../slideLayouts/slideLayout35.xml"/><Relationship Id="rId6" Type="http://schemas.microsoft.com/office/2007/relationships/hdphoto" Target="../media/hdphoto3.wdp"/><Relationship Id="rId5" Type="http://schemas.openxmlformats.org/officeDocument/2006/relationships/image" Target="../media/image18.png"/><Relationship Id="rId4" Type="http://schemas.microsoft.com/office/2007/relationships/hdphoto" Target="../media/hdphoto4.wdp"/></Relationships>
</file>

<file path=ppt/slides/_rels/slide12.xml.rels><?xml version="1.0" encoding="UTF-8" standalone="yes"?>
<Relationships xmlns="http://schemas.openxmlformats.org/package/2006/relationships"><Relationship Id="rId3" Type="http://schemas.openxmlformats.org/officeDocument/2006/relationships/hyperlink" Target="https://creatingtomorrowrotary.org/membership" TargetMode="External"/><Relationship Id="rId2" Type="http://schemas.openxmlformats.org/officeDocument/2006/relationships/notesSlide" Target="../notesSlides/notesSlide12.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3.xml"/><Relationship Id="rId1" Type="http://schemas.openxmlformats.org/officeDocument/2006/relationships/slideLayout" Target="../slideLayouts/slideLayout35.xml"/><Relationship Id="rId4" Type="http://schemas.microsoft.com/office/2007/relationships/hdphoto" Target="../media/hdphoto5.wdp"/></Relationships>
</file>

<file path=ppt/slides/_rels/slide14.xml.rels><?xml version="1.0" encoding="UTF-8" standalone="yes"?>
<Relationships xmlns="http://schemas.openxmlformats.org/package/2006/relationships"><Relationship Id="rId3" Type="http://schemas.openxmlformats.org/officeDocument/2006/relationships/hyperlink" Target="https://creatingtomorrowrotary.org/" TargetMode="External"/><Relationship Id="rId2" Type="http://schemas.openxmlformats.org/officeDocument/2006/relationships/notesSlide" Target="../notesSlides/notesSlide14.xml"/><Relationship Id="rId1" Type="http://schemas.openxmlformats.org/officeDocument/2006/relationships/slideLayout" Target="../slideLayouts/slideLayout12.xml"/><Relationship Id="rId5" Type="http://schemas.openxmlformats.org/officeDocument/2006/relationships/image" Target="../media/image22.png"/><Relationship Id="rId4" Type="http://schemas.openxmlformats.org/officeDocument/2006/relationships/hyperlink" Target="https://www.facebook.com/creatingtomorrowrotary"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tags" Target="../tags/tag115.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slideLayout" Target="../slideLayouts/slideLayout41.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notesSlide" Target="../notesSlides/notesSlide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11.xml"/><Relationship Id="rId6" Type="http://schemas.microsoft.com/office/2007/relationships/hdphoto" Target="../media/hdphoto2.wdp"/><Relationship Id="rId5" Type="http://schemas.openxmlformats.org/officeDocument/2006/relationships/image" Target="../media/image10.png"/><Relationship Id="rId4" Type="http://schemas.microsoft.com/office/2007/relationships/hdphoto" Target="../media/hdphoto1.wdp"/></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5.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126" name="Zone 8 B &amp; W-11.jpg" descr="Zone 8 B &amp; W-11.jpg"/>
          <p:cNvPicPr>
            <a:picLocks noChangeAspect="1"/>
          </p:cNvPicPr>
          <p:nvPr/>
        </p:nvPicPr>
        <p:blipFill>
          <a:blip r:embed="rId3"/>
          <a:srcRect l="25041" t="12007" r="9744" b="20441"/>
          <a:stretch>
            <a:fillRect/>
          </a:stretch>
        </p:blipFill>
        <p:spPr>
          <a:xfrm>
            <a:off x="0" y="-76507"/>
            <a:ext cx="24793434" cy="13787536"/>
          </a:xfrm>
          <a:prstGeom prst="rect">
            <a:avLst/>
          </a:prstGeom>
          <a:ln w="12700">
            <a:miter lim="400000"/>
          </a:ln>
        </p:spPr>
      </p:pic>
      <p:sp>
        <p:nvSpPr>
          <p:cNvPr id="127" name="Jyoti, Rotarian since 2016."/>
          <p:cNvSpPr txBox="1"/>
          <p:nvPr/>
        </p:nvSpPr>
        <p:spPr>
          <a:xfrm>
            <a:off x="-1369490" y="12824941"/>
            <a:ext cx="12909326" cy="100908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gn="r">
              <a:lnSpc>
                <a:spcPct val="150000"/>
              </a:lnSpc>
              <a:defRPr sz="2400" b="0" spc="24">
                <a:solidFill>
                  <a:srgbClr val="FFFFFF"/>
                </a:solidFill>
                <a:latin typeface="Helvetica Neue Light"/>
                <a:ea typeface="Helvetica Neue Light"/>
                <a:cs typeface="Helvetica Neue Light"/>
                <a:sym typeface="Helvetica Neue Light"/>
              </a:defRPr>
            </a:pPr>
            <a:r>
              <a:t>Jyoti, Rotarian since 2016.</a:t>
            </a:r>
          </a:p>
        </p:txBody>
      </p:sp>
      <p:pic>
        <p:nvPicPr>
          <p:cNvPr id="128" name="Image"/>
          <p:cNvPicPr>
            <a:picLocks noChangeAspect="1"/>
          </p:cNvPicPr>
          <p:nvPr/>
        </p:nvPicPr>
        <p:blipFill rotWithShape="1">
          <a:blip r:embed="rId4">
            <a:extLst>
              <a:ext uri="{28A0092B-C50C-407E-A947-70E740481C1C}">
                <a14:useLocalDpi xmlns:a14="http://schemas.microsoft.com/office/drawing/2010/main" val="0"/>
              </a:ext>
            </a:extLst>
          </a:blip>
          <a:srcRect l="27449" t="34601" r="28809" b="27064"/>
          <a:stretch/>
        </p:blipFill>
        <p:spPr>
          <a:xfrm>
            <a:off x="252919" y="11839132"/>
            <a:ext cx="7116877" cy="1697438"/>
          </a:xfrm>
          <a:prstGeom prst="rect">
            <a:avLst/>
          </a:prstGeom>
          <a:ln w="12700">
            <a:miter lim="400000"/>
          </a:ln>
        </p:spPr>
      </p:pic>
      <p:sp>
        <p:nvSpPr>
          <p:cNvPr id="129" name="Zone 8 Regionalisation…"/>
          <p:cNvSpPr txBox="1"/>
          <p:nvPr/>
        </p:nvSpPr>
        <p:spPr>
          <a:xfrm>
            <a:off x="-453658" y="2024872"/>
            <a:ext cx="14852651" cy="5316327"/>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dirty="0"/>
              <a:t>Zone 8</a:t>
            </a:r>
            <a:br>
              <a:rPr dirty="0"/>
            </a:br>
            <a:r>
              <a:rPr dirty="0" err="1"/>
              <a:t>Regionali</a:t>
            </a:r>
            <a:r>
              <a:rPr lang="en-GB" dirty="0"/>
              <a:t>s</a:t>
            </a:r>
            <a:r>
              <a:rPr dirty="0" err="1"/>
              <a:t>ation</a:t>
            </a:r>
            <a:r>
              <a:rPr lang="en-NZ" dirty="0"/>
              <a:t> </a:t>
            </a:r>
          </a:p>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lang="en-NZ" dirty="0"/>
              <a:t>Pilot</a:t>
            </a:r>
          </a:p>
        </p:txBody>
      </p:sp>
      <p:sp>
        <p:nvSpPr>
          <p:cNvPr id="130" name="June 2022"/>
          <p:cNvSpPr txBox="1"/>
          <p:nvPr/>
        </p:nvSpPr>
        <p:spPr>
          <a:xfrm>
            <a:off x="2195822" y="8810194"/>
            <a:ext cx="10042909" cy="1013291"/>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lvl="1" indent="0">
              <a:lnSpc>
                <a:spcPct val="150000"/>
              </a:lnSpc>
              <a:defRPr sz="3100" b="0" spc="31">
                <a:solidFill>
                  <a:srgbClr val="FFFFFF"/>
                </a:solidFill>
                <a:latin typeface="Frutiger LT Std 45 Light"/>
                <a:ea typeface="Frutiger LT Std 45 Light"/>
                <a:cs typeface="Frutiger LT Std 45 Light"/>
                <a:sym typeface="Frutiger LT Std 45 Light"/>
              </a:defRPr>
            </a:pPr>
            <a:endParaRPr sz="4400"/>
          </a:p>
        </p:txBody>
      </p:sp>
      <p:sp>
        <p:nvSpPr>
          <p:cNvPr id="3" name="TextBox 2">
            <a:extLst>
              <a:ext uri="{FF2B5EF4-FFF2-40B4-BE49-F238E27FC236}">
                <a16:creationId xmlns:a16="http://schemas.microsoft.com/office/drawing/2014/main" id="{0D5035CB-5CB6-4E0E-5290-716C49015623}"/>
              </a:ext>
            </a:extLst>
          </p:cNvPr>
          <p:cNvSpPr txBox="1"/>
          <p:nvPr/>
        </p:nvSpPr>
        <p:spPr>
          <a:xfrm>
            <a:off x="1483336" y="7713528"/>
            <a:ext cx="10978662" cy="133369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rPr>
              <a:t>Update for clubs and members, </a:t>
            </a:r>
          </a:p>
          <a:p>
            <a:pPr marL="0" marR="0" indent="0" algn="ctr" defTabSz="825500" rtl="0" fontAlgn="auto" latinLnBrk="0" hangingPunct="0">
              <a:lnSpc>
                <a:spcPct val="100000"/>
              </a:lnSpc>
              <a:spcBef>
                <a:spcPts val="0"/>
              </a:spcBef>
              <a:spcAft>
                <a:spcPts val="0"/>
              </a:spcAft>
              <a:buClrTx/>
              <a:buSzTx/>
              <a:buFontTx/>
              <a:buNone/>
              <a:tabLst/>
            </a:pPr>
            <a:r>
              <a:rPr lang="en-AU" sz="4000" spc="-100" dirty="0">
                <a:solidFill>
                  <a:srgbClr val="F7A81B"/>
                </a:solidFill>
              </a:rPr>
              <a:t>September </a:t>
            </a:r>
            <a:r>
              <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rPr>
              <a:t>2023</a:t>
            </a:r>
          </a:p>
        </p:txBody>
      </p:sp>
    </p:spTree>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a:extLst>
              <a:ext uri="{FF2B5EF4-FFF2-40B4-BE49-F238E27FC236}">
                <a16:creationId xmlns:a16="http://schemas.microsoft.com/office/drawing/2014/main" id="{5E38D53C-75AC-B1C8-4CD0-CA254DDF54F3}"/>
              </a:ext>
            </a:extLst>
          </p:cNvPr>
          <p:cNvSpPr/>
          <p:nvPr/>
        </p:nvSpPr>
        <p:spPr>
          <a:xfrm>
            <a:off x="0" y="-2194"/>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18" name="How can you learn more?">
            <a:extLst>
              <a:ext uri="{FF2B5EF4-FFF2-40B4-BE49-F238E27FC236}">
                <a16:creationId xmlns:a16="http://schemas.microsoft.com/office/drawing/2014/main" id="{468FF6F5-8A75-41AE-0BDF-B970FEB1D694}"/>
              </a:ext>
            </a:extLst>
          </p:cNvPr>
          <p:cNvSpPr txBox="1"/>
          <p:nvPr/>
        </p:nvSpPr>
        <p:spPr>
          <a:xfrm>
            <a:off x="0" y="2297014"/>
            <a:ext cx="22299931" cy="1203215"/>
          </a:xfrm>
          <a:prstGeom prst="rect">
            <a:avLst/>
          </a:prstGeom>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dirty="0">
                <a:solidFill>
                  <a:srgbClr val="F7A81B"/>
                </a:solidFill>
                <a:latin typeface="Frutiger LT Std 45 Light"/>
                <a:sym typeface="Frutiger LT Std 45 Light"/>
              </a:rPr>
              <a:t>Examples of Rotary Specialists</a:t>
            </a:r>
            <a:endParaRPr sz="9600" b="0" kern="1200" spc="90" dirty="0">
              <a:solidFill>
                <a:srgbClr val="F7A81B"/>
              </a:solidFill>
              <a:latin typeface="Frutiger LT Std 45 Light"/>
              <a:sym typeface="Frutiger LT Std 45 Light"/>
            </a:endParaRPr>
          </a:p>
        </p:txBody>
      </p:sp>
      <p:sp>
        <p:nvSpPr>
          <p:cNvPr id="23" name="Speech Bubble: Rectangle 22">
            <a:extLst>
              <a:ext uri="{FF2B5EF4-FFF2-40B4-BE49-F238E27FC236}">
                <a16:creationId xmlns:a16="http://schemas.microsoft.com/office/drawing/2014/main" id="{2741B097-F37F-FC97-EDAA-7A7B9BB0E45A}"/>
              </a:ext>
            </a:extLst>
          </p:cNvPr>
          <p:cNvSpPr/>
          <p:nvPr/>
        </p:nvSpPr>
        <p:spPr>
          <a:xfrm>
            <a:off x="3041287" y="5352946"/>
            <a:ext cx="2851016" cy="1384995"/>
          </a:xfrm>
          <a:prstGeom prst="wedgeRectCallout">
            <a:avLst>
              <a:gd name="adj1" fmla="val -76564"/>
              <a:gd name="adj2" fmla="val 62388"/>
            </a:avLst>
          </a:prstGeom>
          <a:solidFill>
            <a:srgbClr val="7030A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Helping </a:t>
            </a:r>
            <a:r>
              <a:rPr lang="en-AU" b="0" dirty="0">
                <a:solidFill>
                  <a:srgbClr val="FFFFFF"/>
                </a:solidFill>
                <a:latin typeface="+mn-lt"/>
                <a:ea typeface="+mn-ea"/>
                <a:cs typeface="+mn-cs"/>
                <a:sym typeface="Helvetica Neue Medium"/>
              </a:rPr>
              <a:t>c</a:t>
            </a:r>
            <a:r>
              <a:rPr kumimoji="0" lang="en-AU" b="0" i="0" u="none" strike="noStrike" cap="none" spc="0" normalizeH="0" baseline="0" dirty="0">
                <a:ln>
                  <a:noFill/>
                </a:ln>
                <a:solidFill>
                  <a:srgbClr val="FFFFFF"/>
                </a:solidFill>
                <a:effectLst/>
                <a:uFillTx/>
                <a:latin typeface="+mn-lt"/>
                <a:ea typeface="+mn-ea"/>
                <a:cs typeface="+mn-cs"/>
                <a:sym typeface="Helvetica Neue Medium"/>
              </a:rPr>
              <a:t>lubs resolve conflict is my superpower</a:t>
            </a:r>
            <a:r>
              <a:rPr lang="en-AU" b="0" dirty="0">
                <a:solidFill>
                  <a:srgbClr val="FFFFFF"/>
                </a:solidFill>
                <a:latin typeface="+mn-lt"/>
                <a:ea typeface="+mn-ea"/>
                <a:cs typeface="+mn-cs"/>
                <a:sym typeface="Helvetica Neue Medium"/>
              </a:rPr>
              <a:t>!</a:t>
            </a:r>
            <a:endParaRPr kumimoji="0" lang="en-AU" b="0" i="0" u="none" strike="noStrike" cap="none" spc="0" normalizeH="0" baseline="0" dirty="0">
              <a:ln>
                <a:noFill/>
              </a:ln>
              <a:solidFill>
                <a:srgbClr val="FFFFFF"/>
              </a:solidFill>
              <a:effectLst/>
              <a:uFillTx/>
              <a:latin typeface="+mn-lt"/>
              <a:ea typeface="+mn-ea"/>
              <a:cs typeface="+mn-cs"/>
              <a:sym typeface="Helvetica Neue Medium"/>
            </a:endParaRPr>
          </a:p>
        </p:txBody>
      </p:sp>
      <p:pic>
        <p:nvPicPr>
          <p:cNvPr id="15" name="Picture 14" descr="A group of women with prosthetic legs&#10;&#10;Description automatically generated">
            <a:extLst>
              <a:ext uri="{FF2B5EF4-FFF2-40B4-BE49-F238E27FC236}">
                <a16:creationId xmlns:a16="http://schemas.microsoft.com/office/drawing/2014/main" id="{76A435BA-8FF7-183A-E8A8-C180AF4E8F1C}"/>
              </a:ext>
            </a:extLst>
          </p:cNvPr>
          <p:cNvPicPr>
            <a:picLocks noChangeAspect="1"/>
          </p:cNvPicPr>
          <p:nvPr/>
        </p:nvPicPr>
        <p:blipFill rotWithShape="1">
          <a:blip r:embed="rId3" cstate="print">
            <a:extLst>
              <a:ext uri="{BEBA8EAE-BF5A-486C-A8C5-ECC9F3942E4B}">
                <a14:imgProps xmlns:a14="http://schemas.microsoft.com/office/drawing/2010/main">
                  <a14:imgLayer r:embed="rId4">
                    <a14:imgEffect>
                      <a14:backgroundRemoval t="14627" b="90808" l="38203" r="50876">
                        <a14:foregroundMark x1="45506" y1="16100" x2="45506" y2="16100"/>
                        <a14:foregroundMark x1="44255" y1="14627" x2="44255" y2="14627"/>
                        <a14:foregroundMark x1="45279" y1="22092" x2="45279" y2="22092"/>
                        <a14:foregroundMark x1="42480" y1="25343" x2="42480" y2="25343"/>
                        <a14:foregroundMark x1="42366" y1="28847" x2="42366" y2="28847"/>
                        <a14:foregroundMark x1="48532" y1="29609" x2="48532" y2="29609"/>
                        <a14:foregroundMark x1="50762" y1="27120" x2="50762" y2="27120"/>
                        <a14:foregroundMark x1="49875" y1="24632" x2="49875" y2="24632"/>
                        <a14:foregroundMark x1="50421" y1="31133" x2="50421" y2="31133"/>
                        <a14:foregroundMark x1="45711" y1="33621" x2="45711" y2="33621"/>
                        <a14:foregroundMark x1="40796" y1="78162" x2="40796" y2="78162"/>
                        <a14:foregroundMark x1="40341" y1="88167" x2="40341" y2="88167"/>
                        <a14:foregroundMark x1="38999" y1="89893" x2="38999" y2="89893"/>
                        <a14:foregroundMark x1="38999" y1="90909" x2="38999" y2="90909"/>
                        <a14:foregroundMark x1="38658" y1="90655" x2="38658" y2="90655"/>
                        <a14:foregroundMark x1="38316" y1="90147" x2="38316" y2="90147"/>
                        <a14:foregroundMark x1="38203" y1="90401" x2="38203" y2="90401"/>
                        <a14:foregroundMark x1="47964" y1="90147" x2="47964" y2="90147"/>
                        <a14:foregroundMark x1="42685" y1="26105" x2="42685" y2="26105"/>
                        <a14:foregroundMark x1="42912" y1="27374" x2="42912" y2="27374"/>
                        <a14:foregroundMark x1="45506" y1="22600" x2="45506" y2="22600"/>
                        <a14:foregroundMark x1="44255" y1="20874" x2="44255" y2="20874"/>
                        <a14:foregroundMark x1="45620" y1="18131" x2="45620" y2="18131"/>
                        <a14:foregroundMark x1="43254" y1="24124" x2="43254" y2="24124"/>
                        <a14:foregroundMark x1="43367" y1="22600" x2="43367" y2="22600"/>
                        <a14:foregroundMark x1="41797" y1="28339" x2="41797" y2="28339"/>
                        <a14:foregroundMark x1="41911" y1="29355" x2="41911" y2="29355"/>
                        <a14:foregroundMark x1="46052" y1="33113" x2="46052" y2="33113"/>
                        <a14:foregroundMark x1="44164" y1="19604" x2="44164" y2="19604"/>
                        <a14:foregroundMark x1="45620" y1="17877" x2="45620" y2="17877"/>
                        <a14:foregroundMark x1="45825" y1="17877" x2="45825" y2="17877"/>
                        <a14:foregroundMark x1="45051" y1="17877" x2="45051" y2="17877"/>
                        <a14:foregroundMark x1="45392" y1="18334" x2="45392" y2="18334"/>
                        <a14:foregroundMark x1="44164" y1="16100" x2="44164" y2="16100"/>
                        <a14:foregroundMark x1="44824" y1="17369" x2="44824" y2="17369"/>
                      </a14:backgroundRemoval>
                    </a14:imgEffect>
                  </a14:imgLayer>
                </a14:imgProps>
              </a:ext>
              <a:ext uri="{28A0092B-C50C-407E-A947-70E740481C1C}">
                <a14:useLocalDpi xmlns:a14="http://schemas.microsoft.com/office/drawing/2010/main" val="0"/>
              </a:ext>
            </a:extLst>
          </a:blip>
          <a:srcRect l="40064" t="11974" r="47921" b="51643"/>
          <a:stretch/>
        </p:blipFill>
        <p:spPr>
          <a:xfrm>
            <a:off x="11388135" y="10185807"/>
            <a:ext cx="2812532" cy="3234638"/>
          </a:xfrm>
          <a:prstGeom prst="rect">
            <a:avLst/>
          </a:prstGeom>
        </p:spPr>
      </p:pic>
      <p:sp>
        <p:nvSpPr>
          <p:cNvPr id="24" name="Speech Bubble: Rectangle 23">
            <a:extLst>
              <a:ext uri="{FF2B5EF4-FFF2-40B4-BE49-F238E27FC236}">
                <a16:creationId xmlns:a16="http://schemas.microsoft.com/office/drawing/2014/main" id="{A6981909-F728-F01D-F8A3-13463761F965}"/>
              </a:ext>
            </a:extLst>
          </p:cNvPr>
          <p:cNvSpPr/>
          <p:nvPr/>
        </p:nvSpPr>
        <p:spPr>
          <a:xfrm>
            <a:off x="13346624" y="8265332"/>
            <a:ext cx="3161739" cy="2308324"/>
          </a:xfrm>
          <a:prstGeom prst="wedgeRectCallout">
            <a:avLst>
              <a:gd name="adj1" fmla="val -62282"/>
              <a:gd name="adj2" fmla="val 48451"/>
            </a:avLst>
          </a:prstGeom>
          <a:solidFill>
            <a:srgbClr val="7030A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I have a marketing background</a:t>
            </a:r>
            <a:r>
              <a:rPr lang="en-AU" b="0" dirty="0">
                <a:solidFill>
                  <a:srgbClr val="FFFFFF"/>
                </a:solidFill>
                <a:latin typeface="+mn-lt"/>
                <a:ea typeface="+mn-ea"/>
                <a:cs typeface="+mn-cs"/>
                <a:sym typeface="Helvetica Neue Medium"/>
              </a:rPr>
              <a:t> and want</a:t>
            </a:r>
            <a:r>
              <a:rPr kumimoji="0" lang="en-AU" b="0" i="0" u="none" strike="noStrike" cap="none" spc="0" normalizeH="0" baseline="0" dirty="0">
                <a:ln>
                  <a:noFill/>
                </a:ln>
                <a:solidFill>
                  <a:srgbClr val="FFFFFF"/>
                </a:solidFill>
                <a:effectLst/>
                <a:uFillTx/>
                <a:latin typeface="+mn-lt"/>
                <a:ea typeface="+mn-ea"/>
                <a:cs typeface="+mn-cs"/>
                <a:sym typeface="Helvetica Neue Medium"/>
              </a:rPr>
              <a:t> to help </a:t>
            </a:r>
            <a:r>
              <a:rPr lang="en-AU" b="0" dirty="0">
                <a:solidFill>
                  <a:srgbClr val="FFFFFF"/>
                </a:solidFill>
                <a:latin typeface="+mn-lt"/>
                <a:ea typeface="+mn-ea"/>
                <a:cs typeface="+mn-cs"/>
                <a:sym typeface="Helvetica Neue Medium"/>
              </a:rPr>
              <a:t>clubs </a:t>
            </a:r>
            <a:r>
              <a:rPr kumimoji="0" lang="en-AU" b="0" i="0" u="none" strike="noStrike" cap="none" spc="0" normalizeH="0" baseline="0" dirty="0">
                <a:ln>
                  <a:noFill/>
                </a:ln>
                <a:solidFill>
                  <a:srgbClr val="FFFFFF"/>
                </a:solidFill>
                <a:effectLst/>
                <a:uFillTx/>
                <a:latin typeface="+mn-lt"/>
                <a:ea typeface="+mn-ea"/>
                <a:cs typeface="+mn-cs"/>
                <a:sym typeface="Helvetica Neue Medium"/>
              </a:rPr>
              <a:t>with their Public Image.</a:t>
            </a:r>
          </a:p>
        </p:txBody>
      </p:sp>
      <p:pic>
        <p:nvPicPr>
          <p:cNvPr id="19" name="Picture 18" descr="A group of women with prosthetic legs&#10;&#10;Description automatically generated">
            <a:extLst>
              <a:ext uri="{FF2B5EF4-FFF2-40B4-BE49-F238E27FC236}">
                <a16:creationId xmlns:a16="http://schemas.microsoft.com/office/drawing/2014/main" id="{32D554C5-9D1F-3B60-7CC2-FC1F7272192D}"/>
              </a:ext>
            </a:extLst>
          </p:cNvPr>
          <p:cNvPicPr>
            <a:picLocks noChangeAspect="1"/>
          </p:cNvPicPr>
          <p:nvPr/>
        </p:nvPicPr>
        <p:blipFill rotWithShape="1">
          <a:blip r:embed="rId5" cstate="print">
            <a:extLst>
              <a:ext uri="{BEBA8EAE-BF5A-486C-A8C5-ECC9F3942E4B}">
                <a14:imgProps xmlns:a14="http://schemas.microsoft.com/office/drawing/2010/main">
                  <a14:imgLayer r:embed="rId4">
                    <a14:imgEffect>
                      <a14:backgroundRemoval t="8126" b="91925" l="5939" r="22412">
                        <a14:foregroundMark x1="12673" y1="24632" x2="12673" y2="24632"/>
                        <a14:foregroundMark x1="19727" y1="28644" x2="19727" y2="28644"/>
                        <a14:foregroundMark x1="22412" y1="28390" x2="22412" y2="28390"/>
                        <a14:foregroundMark x1="14903" y1="15389" x2="14903" y2="15389"/>
                        <a14:foregroundMark x1="15131" y1="11630" x2="15131" y2="11630"/>
                        <a14:foregroundMark x1="15245" y1="8126" x2="15245" y2="8126"/>
                        <a14:foregroundMark x1="14130" y1="15135" x2="14130" y2="15135"/>
                        <a14:foregroundMark x1="14790" y1="15389" x2="13038" y2="23921"/>
                        <a14:foregroundMark x1="13038" y1="23921" x2="13242" y2="26663"/>
                        <a14:foregroundMark x1="6507" y1="25901" x2="5939" y2="35399"/>
                        <a14:foregroundMark x1="13788" y1="29914" x2="13675" y2="26917"/>
                        <a14:foregroundMark x1="10421" y1="87913" x2="11877" y2="88167"/>
                        <a14:foregroundMark x1="20068" y1="88674" x2="21524" y2="91417"/>
                        <a14:foregroundMark x1="9647" y1="91925" x2="10421" y2="91671"/>
                      </a14:backgroundRemoval>
                    </a14:imgEffect>
                  </a14:imgLayer>
                </a14:imgProps>
              </a:ext>
              <a:ext uri="{28A0092B-C50C-407E-A947-70E740481C1C}">
                <a14:useLocalDpi xmlns:a14="http://schemas.microsoft.com/office/drawing/2010/main" val="0"/>
              </a:ext>
            </a:extLst>
          </a:blip>
          <a:srcRect l="4552" t="5361" r="76263" b="55786"/>
          <a:stretch/>
        </p:blipFill>
        <p:spPr>
          <a:xfrm flipH="1">
            <a:off x="155696" y="6622078"/>
            <a:ext cx="3996045" cy="3625646"/>
          </a:xfrm>
          <a:prstGeom prst="rect">
            <a:avLst/>
          </a:prstGeom>
        </p:spPr>
      </p:pic>
      <p:pic>
        <p:nvPicPr>
          <p:cNvPr id="13" name="Picture 12" descr="A group of women with prosthetic legs&#10;&#10;Description automatically generated">
            <a:extLst>
              <a:ext uri="{FF2B5EF4-FFF2-40B4-BE49-F238E27FC236}">
                <a16:creationId xmlns:a16="http://schemas.microsoft.com/office/drawing/2014/main" id="{38B521EE-C0E3-615D-0B68-E55BA68F32E6}"/>
              </a:ext>
            </a:extLst>
          </p:cNvPr>
          <p:cNvPicPr>
            <a:picLocks noChangeAspect="1"/>
          </p:cNvPicPr>
          <p:nvPr/>
        </p:nvPicPr>
        <p:blipFill rotWithShape="1">
          <a:blip r:embed="rId6" cstate="print">
            <a:extLst>
              <a:ext uri="{BEBA8EAE-BF5A-486C-A8C5-ECC9F3942E4B}">
                <a14:imgProps xmlns:a14="http://schemas.microsoft.com/office/drawing/2010/main">
                  <a14:imgLayer r:embed="rId4">
                    <a14:imgEffect>
                      <a14:backgroundRemoval t="14424" b="91011" l="67099" r="79545">
                        <a14:foregroundMark x1="68123" y1="46318" x2="67213" y2="57745"/>
                        <a14:foregroundMark x1="67213" y1="57745" x2="69010" y2="77044"/>
                        <a14:foregroundMark x1="69898" y1="80802" x2="70239" y2="91061"/>
                        <a14:foregroundMark x1="73606" y1="14525" x2="72719" y2="21280"/>
                        <a14:foregroundMark x1="79431" y1="31793" x2="79545" y2="38547"/>
                        <a14:foregroundMark x1="72036" y1="88827" x2="73379" y2="90300"/>
                        <a14:foregroundMark x1="67327" y1="34789" x2="67099" y2="41798"/>
                        <a14:foregroundMark x1="76405" y1="23261" x2="78203" y2="28288"/>
                        <a14:foregroundMark x1="73993" y1="90655" x2="73993" y2="90655"/>
                      </a14:backgroundRemoval>
                    </a14:imgEffect>
                  </a14:imgLayer>
                </a14:imgProps>
              </a:ext>
              <a:ext uri="{28A0092B-C50C-407E-A947-70E740481C1C}">
                <a14:useLocalDpi xmlns:a14="http://schemas.microsoft.com/office/drawing/2010/main" val="0"/>
              </a:ext>
            </a:extLst>
          </a:blip>
          <a:srcRect l="66416" t="10940" r="19273" b="48064"/>
          <a:stretch/>
        </p:blipFill>
        <p:spPr>
          <a:xfrm flipH="1">
            <a:off x="16508363" y="4697846"/>
            <a:ext cx="2291734" cy="2941187"/>
          </a:xfrm>
          <a:prstGeom prst="rect">
            <a:avLst/>
          </a:prstGeom>
        </p:spPr>
      </p:pic>
      <p:sp>
        <p:nvSpPr>
          <p:cNvPr id="58" name="Speech Bubble: Rectangle 57">
            <a:extLst>
              <a:ext uri="{FF2B5EF4-FFF2-40B4-BE49-F238E27FC236}">
                <a16:creationId xmlns:a16="http://schemas.microsoft.com/office/drawing/2014/main" id="{CC4B1A2A-E3ED-9CEB-A53A-38997C82667A}"/>
              </a:ext>
            </a:extLst>
          </p:cNvPr>
          <p:cNvSpPr/>
          <p:nvPr/>
        </p:nvSpPr>
        <p:spPr>
          <a:xfrm>
            <a:off x="13954764" y="4421044"/>
            <a:ext cx="2520000" cy="1384995"/>
          </a:xfrm>
          <a:prstGeom prst="wedgeRectCallout">
            <a:avLst>
              <a:gd name="adj1" fmla="val 69462"/>
              <a:gd name="adj2" fmla="val -6722"/>
            </a:avLst>
          </a:prstGeom>
          <a:solidFill>
            <a:srgbClr val="00206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I’m a club compliance nerd!</a:t>
            </a:r>
          </a:p>
        </p:txBody>
      </p:sp>
      <p:pic>
        <p:nvPicPr>
          <p:cNvPr id="14" name="Picture 13" descr="A group of women with prosthetic legs&#10;&#10;Description automatically generated">
            <a:extLst>
              <a:ext uri="{FF2B5EF4-FFF2-40B4-BE49-F238E27FC236}">
                <a16:creationId xmlns:a16="http://schemas.microsoft.com/office/drawing/2014/main" id="{DFB2FC6E-BEF0-5C0F-8C61-67CCFACA853A}"/>
              </a:ext>
            </a:extLst>
          </p:cNvPr>
          <p:cNvPicPr>
            <a:picLocks noChangeAspect="1"/>
          </p:cNvPicPr>
          <p:nvPr/>
        </p:nvPicPr>
        <p:blipFill rotWithShape="1">
          <a:blip r:embed="rId7" cstate="print">
            <a:extLst>
              <a:ext uri="{BEBA8EAE-BF5A-486C-A8C5-ECC9F3942E4B}">
                <a14:imgProps xmlns:a14="http://schemas.microsoft.com/office/drawing/2010/main">
                  <a14:imgLayer r:embed="rId4">
                    <a14:imgEffect>
                      <a14:backgroundRemoval t="8685" b="90452" l="52947" r="64915">
                        <a14:foregroundMark x1="59932" y1="14931" x2="59932" y2="14931"/>
                        <a14:foregroundMark x1="58817" y1="11173" x2="58817" y2="11173"/>
                        <a14:foregroundMark x1="59272" y1="8685" x2="59272" y2="8685"/>
                        <a14:foregroundMark x1="54107" y1="23413" x2="52992" y2="30168"/>
                        <a14:foregroundMark x1="55563" y1="84967" x2="58703" y2="85221"/>
                        <a14:foregroundMark x1="61183" y1="85221" x2="64096" y2="85221"/>
                        <a14:foregroundMark x1="56246" y1="86694" x2="56473" y2="89487"/>
                        <a14:foregroundMark x1="63527" y1="87202" x2="63641" y2="90452"/>
                      </a14:backgroundRemoval>
                    </a14:imgEffect>
                  </a14:imgLayer>
                </a14:imgProps>
              </a:ext>
              <a:ext uri="{28A0092B-C50C-407E-A947-70E740481C1C}">
                <a14:useLocalDpi xmlns:a14="http://schemas.microsoft.com/office/drawing/2010/main" val="0"/>
              </a:ext>
            </a:extLst>
          </a:blip>
          <a:srcRect l="52092" t="6290" r="33597" b="51193"/>
          <a:stretch/>
        </p:blipFill>
        <p:spPr>
          <a:xfrm>
            <a:off x="9964305" y="5408446"/>
            <a:ext cx="2557376" cy="3403873"/>
          </a:xfrm>
          <a:prstGeom prst="rect">
            <a:avLst/>
          </a:prstGeom>
        </p:spPr>
      </p:pic>
      <p:sp>
        <p:nvSpPr>
          <p:cNvPr id="56" name="Speech Bubble: Rectangle 55">
            <a:extLst>
              <a:ext uri="{FF2B5EF4-FFF2-40B4-BE49-F238E27FC236}">
                <a16:creationId xmlns:a16="http://schemas.microsoft.com/office/drawing/2014/main" id="{F188D333-4802-8086-1AB8-2552963FDC9B}"/>
              </a:ext>
            </a:extLst>
          </p:cNvPr>
          <p:cNvSpPr/>
          <p:nvPr/>
        </p:nvSpPr>
        <p:spPr>
          <a:xfrm>
            <a:off x="7619310" y="5064864"/>
            <a:ext cx="2110417" cy="1846659"/>
          </a:xfrm>
          <a:prstGeom prst="wedgeRectCallout">
            <a:avLst>
              <a:gd name="adj1" fmla="val 76506"/>
              <a:gd name="adj2" fmla="val -12435"/>
            </a:avLst>
          </a:prstGeom>
          <a:solidFill>
            <a:srgbClr val="00206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I’m  an experienced event manager.</a:t>
            </a:r>
          </a:p>
        </p:txBody>
      </p:sp>
      <p:pic>
        <p:nvPicPr>
          <p:cNvPr id="11" name="Picture 10" descr="A group of men standing and talking on the phone&#10;&#10;Description automatically generated">
            <a:extLst>
              <a:ext uri="{FF2B5EF4-FFF2-40B4-BE49-F238E27FC236}">
                <a16:creationId xmlns:a16="http://schemas.microsoft.com/office/drawing/2014/main" id="{9A6F7495-D18F-B1D8-3EB6-3F52BC66F7EC}"/>
              </a:ext>
            </a:extLst>
          </p:cNvPr>
          <p:cNvPicPr>
            <a:picLocks noChangeAspect="1"/>
          </p:cNvPicPr>
          <p:nvPr/>
        </p:nvPicPr>
        <p:blipFill rotWithShape="1">
          <a:blip r:embed="rId8" cstate="print">
            <a:extLst>
              <a:ext uri="{BEBA8EAE-BF5A-486C-A8C5-ECC9F3942E4B}">
                <a14:imgProps xmlns:a14="http://schemas.microsoft.com/office/drawing/2010/main">
                  <a14:imgLayer r:embed="rId9">
                    <a14:imgEffect>
                      <a14:backgroundRemoval t="9944" b="91186" l="21468" r="34439">
                        <a14:foregroundMark x1="27397" y1="9944" x2="27397" y2="17740"/>
                        <a14:foregroundMark x1="29873" y1="24407" x2="32553" y2="36949"/>
                        <a14:foregroundMark x1="29418" y1="25254" x2="30850" y2="34633"/>
                        <a14:foregroundMark x1="30850" y1="34633" x2="33212" y2="26158"/>
                        <a14:foregroundMark x1="33212" y1="26158" x2="33212" y2="25537"/>
                        <a14:foregroundMark x1="31213" y1="24407" x2="33280" y2="33616"/>
                        <a14:foregroundMark x1="33280" y1="33616" x2="31213" y2="33333"/>
                        <a14:foregroundMark x1="33212" y1="24407" x2="34439" y2="33616"/>
                        <a14:foregroundMark x1="33553" y1="23842" x2="34121" y2="31356"/>
                        <a14:foregroundMark x1="33894" y1="22486" x2="34121" y2="30000"/>
                        <a14:foregroundMark x1="27851" y1="18870" x2="28305" y2="28023"/>
                        <a14:foregroundMark x1="27169" y1="18305" x2="28078" y2="25819"/>
                        <a14:foregroundMark x1="27965" y1="18588" x2="28192" y2="21356"/>
                        <a14:foregroundMark x1="32667" y1="36949" x2="32667" y2="36949"/>
                        <a14:foregroundMark x1="21468" y1="86497" x2="23149" y2="90678"/>
                        <a14:foregroundMark x1="28510" y1="88136" x2="29532" y2="91186"/>
                      </a14:backgroundRemoval>
                    </a14:imgEffect>
                  </a14:imgLayer>
                </a14:imgProps>
              </a:ext>
              <a:ext uri="{28A0092B-C50C-407E-A947-70E740481C1C}">
                <a14:useLocalDpi xmlns:a14="http://schemas.microsoft.com/office/drawing/2010/main" val="0"/>
              </a:ext>
            </a:extLst>
          </a:blip>
          <a:srcRect l="19968" t="6052" r="65918" b="41246"/>
          <a:stretch/>
        </p:blipFill>
        <p:spPr>
          <a:xfrm flipH="1">
            <a:off x="7694110" y="8574585"/>
            <a:ext cx="3070289" cy="4609653"/>
          </a:xfrm>
          <a:prstGeom prst="rect">
            <a:avLst/>
          </a:prstGeom>
        </p:spPr>
      </p:pic>
      <p:sp>
        <p:nvSpPr>
          <p:cNvPr id="59" name="Speech Bubble: Rectangle 58">
            <a:extLst>
              <a:ext uri="{FF2B5EF4-FFF2-40B4-BE49-F238E27FC236}">
                <a16:creationId xmlns:a16="http://schemas.microsoft.com/office/drawing/2014/main" id="{5277C5A0-F5E3-6171-1A4F-F68A2E88CC69}"/>
              </a:ext>
            </a:extLst>
          </p:cNvPr>
          <p:cNvSpPr/>
          <p:nvPr/>
        </p:nvSpPr>
        <p:spPr>
          <a:xfrm>
            <a:off x="4630201" y="8109422"/>
            <a:ext cx="2851017" cy="2769989"/>
          </a:xfrm>
          <a:prstGeom prst="wedgeRectCallout">
            <a:avLst>
              <a:gd name="adj1" fmla="val 77188"/>
              <a:gd name="adj2" fmla="val -5183"/>
            </a:avLst>
          </a:prstGeom>
          <a:solidFill>
            <a:srgbClr val="009999"/>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I help organise RYLA in my District and love helping clubs get involved for the first time.</a:t>
            </a:r>
          </a:p>
        </p:txBody>
      </p:sp>
      <p:pic>
        <p:nvPicPr>
          <p:cNvPr id="4" name="Picture 3" descr="A group of women with prosthetic legs&#10;&#10;Description automatically generated">
            <a:extLst>
              <a:ext uri="{FF2B5EF4-FFF2-40B4-BE49-F238E27FC236}">
                <a16:creationId xmlns:a16="http://schemas.microsoft.com/office/drawing/2014/main" id="{C5F2651C-2113-4F94-C8D5-0E626C53960E}"/>
              </a:ext>
            </a:extLst>
          </p:cNvPr>
          <p:cNvPicPr>
            <a:picLocks noChangeAspect="1"/>
          </p:cNvPicPr>
          <p:nvPr/>
        </p:nvPicPr>
        <p:blipFill rotWithShape="1">
          <a:blip r:embed="rId10" cstate="print">
            <a:extLst>
              <a:ext uri="{BEBA8EAE-BF5A-486C-A8C5-ECC9F3942E4B}">
                <a14:imgProps xmlns:a14="http://schemas.microsoft.com/office/drawing/2010/main">
                  <a14:imgLayer r:embed="rId4">
                    <a14:imgEffect>
                      <a14:backgroundRemoval t="9650" b="90046" l="25597" r="39090">
                        <a14:foregroundMark x1="28510" y1="90046" x2="28510" y2="90046"/>
                        <a14:foregroundMark x1="36223" y1="84815" x2="36223" y2="84815"/>
                        <a14:foregroundMark x1="36678" y1="90046" x2="36678" y2="90046"/>
                        <a14:foregroundMark x1="32878" y1="9751" x2="32878" y2="9751"/>
                        <a14:foregroundMark x1="33083" y1="17522" x2="33083" y2="17522"/>
                        <a14:foregroundMark x1="33766" y1="14982" x2="33766" y2="14982"/>
                        <a14:foregroundMark x1="33197" y1="15236" x2="33197" y2="15236"/>
                        <a14:foregroundMark x1="32878" y1="15490" x2="32878" y2="15490"/>
                        <a14:foregroundMark x1="33083" y1="14779" x2="33083" y2="14779"/>
                        <a14:foregroundMark x1="34107" y1="32758" x2="34107" y2="32758"/>
                        <a14:foregroundMark x1="34334" y1="31285" x2="34107" y2="34027"/>
                        <a14:foregroundMark x1="36678" y1="81564" x2="36678" y2="81564"/>
                        <a14:foregroundMark x1="36109" y1="81564" x2="36223" y2="82783"/>
                        <a14:foregroundMark x1="36018" y1="87557" x2="36018" y2="88573"/>
                        <a14:foregroundMark x1="39044" y1="25038" x2="39044" y2="29761"/>
                        <a14:foregroundMark x1="27395" y1="22448" x2="26432" y2="28122"/>
                        <a14:foregroundMark x1="26712" y1="24429" x2="26361" y2="33203"/>
                        <a14:foregroundMark x1="27053" y1="23210" x2="26561" y2="27631"/>
                        <a14:foregroundMark x1="26485" y1="25444" x2="26598" y2="32199"/>
                        <a14:foregroundMark x1="26485" y1="25698" x2="26257" y2="30929"/>
                        <a14:foregroundMark x1="27053" y1="23667" x2="26507" y2="32402"/>
                        <a14:foregroundMark x1="26507" y1="32402" x2="27167" y2="34688"/>
                        <a14:foregroundMark x1="26166" y1="32199" x2="26826" y2="34180"/>
                        <a14:foregroundMark x1="26940" y1="23921" x2="25825" y2="29457"/>
                        <a14:backgroundMark x1="38362" y1="91569" x2="38248" y2="90808"/>
                        <a14:backgroundMark x1="25484" y1="26917" x2="25484" y2="26917"/>
                        <a14:backgroundMark x1="26052" y1="24937" x2="26052" y2="24937"/>
                        <a14:backgroundMark x1="25484" y1="26917" x2="25484" y2="26917"/>
                        <a14:backgroundMark x1="25597" y1="29242" x2="25597" y2="31945"/>
                        <a14:backgroundMark x1="25597" y1="26663" x2="25597" y2="28480"/>
                        <a14:backgroundMark x1="25829" y1="32193" x2="25484" y2="30929"/>
                        <a14:backgroundMark x1="25905" y1="32216" x2="25484" y2="30422"/>
                        <a14:backgroundMark x1="25838" y1="32196" x2="25370" y2="30675"/>
                        <a14:backgroundMark x1="25958" y1="32233" x2="25028" y2="29203"/>
                        <a14:backgroundMark x1="26166" y1="24175" x2="26164" y2="23190"/>
                      </a14:backgroundRemoval>
                    </a14:imgEffect>
                  </a14:imgLayer>
                </a14:imgProps>
              </a:ext>
              <a:ext uri="{28A0092B-C50C-407E-A947-70E740481C1C}">
                <a14:useLocalDpi xmlns:a14="http://schemas.microsoft.com/office/drawing/2010/main" val="0"/>
              </a:ext>
            </a:extLst>
          </a:blip>
          <a:srcRect l="24363" t="5265" r="59260" b="56508"/>
          <a:stretch/>
        </p:blipFill>
        <p:spPr>
          <a:xfrm>
            <a:off x="17605878" y="9504740"/>
            <a:ext cx="2812532" cy="2941188"/>
          </a:xfrm>
          <a:prstGeom prst="rect">
            <a:avLst/>
          </a:prstGeom>
        </p:spPr>
      </p:pic>
      <p:sp>
        <p:nvSpPr>
          <p:cNvPr id="29" name="Speech Bubble: Rectangle 28">
            <a:extLst>
              <a:ext uri="{FF2B5EF4-FFF2-40B4-BE49-F238E27FC236}">
                <a16:creationId xmlns:a16="http://schemas.microsoft.com/office/drawing/2014/main" id="{EF68EFF0-5A0D-562F-8FA1-1DE38097B211}"/>
              </a:ext>
            </a:extLst>
          </p:cNvPr>
          <p:cNvSpPr/>
          <p:nvPr/>
        </p:nvSpPr>
        <p:spPr>
          <a:xfrm>
            <a:off x="19905677" y="7013014"/>
            <a:ext cx="3733477" cy="2769989"/>
          </a:xfrm>
          <a:prstGeom prst="wedgeRectCallout">
            <a:avLst>
              <a:gd name="adj1" fmla="val -62282"/>
              <a:gd name="adj2" fmla="val 48451"/>
            </a:avLst>
          </a:prstGeom>
          <a:solidFill>
            <a:srgbClr val="009999"/>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b="0" i="0" u="none" strike="noStrike" cap="none" spc="0" normalizeH="0" baseline="0" dirty="0">
                <a:ln>
                  <a:noFill/>
                </a:ln>
                <a:solidFill>
                  <a:srgbClr val="FFFFFF"/>
                </a:solidFill>
                <a:effectLst/>
                <a:uFillTx/>
                <a:latin typeface="+mn-lt"/>
                <a:ea typeface="+mn-ea"/>
                <a:cs typeface="+mn-cs"/>
                <a:sym typeface="Helvetica Neue Medium"/>
              </a:rPr>
              <a:t>Due to my experience as a </a:t>
            </a:r>
            <a:r>
              <a:rPr lang="en-AU" b="0" dirty="0">
                <a:solidFill>
                  <a:srgbClr val="FFFFFF"/>
                </a:solidFill>
                <a:latin typeface="+mn-lt"/>
                <a:ea typeface="+mn-ea"/>
                <a:cs typeface="+mn-cs"/>
                <a:sym typeface="Helvetica Neue Medium"/>
              </a:rPr>
              <a:t>District Membership Chair, I’m an expert in helping clubs recruit new members.</a:t>
            </a:r>
            <a:endParaRPr kumimoji="0" lang="en-AU" b="0" i="0" u="none" strike="noStrike" cap="none" spc="0" normalizeH="0" baseline="0" dirty="0">
              <a:ln>
                <a:noFill/>
              </a:ln>
              <a:solidFill>
                <a:srgbClr val="FFFFFF"/>
              </a:solidFill>
              <a:effectLst/>
              <a:uFillTx/>
              <a:latin typeface="+mn-lt"/>
              <a:ea typeface="+mn-ea"/>
              <a:cs typeface="+mn-cs"/>
              <a:sym typeface="Helvetica Neue Medium"/>
            </a:endParaRPr>
          </a:p>
        </p:txBody>
      </p:sp>
    </p:spTree>
    <p:extLst>
      <p:ext uri="{BB962C8B-B14F-4D97-AF65-F5344CB8AC3E}">
        <p14:creationId xmlns:p14="http://schemas.microsoft.com/office/powerpoint/2010/main" val="5055801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Rectangle">
            <a:extLst>
              <a:ext uri="{FF2B5EF4-FFF2-40B4-BE49-F238E27FC236}">
                <a16:creationId xmlns:a16="http://schemas.microsoft.com/office/drawing/2014/main" id="{5E38D53C-75AC-B1C8-4CD0-CA254DDF54F3}"/>
              </a:ext>
            </a:extLst>
          </p:cNvPr>
          <p:cNvSpPr/>
          <p:nvPr/>
        </p:nvSpPr>
        <p:spPr>
          <a:xfrm>
            <a:off x="0" y="-21649"/>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18" name="How can you learn more?">
            <a:extLst>
              <a:ext uri="{FF2B5EF4-FFF2-40B4-BE49-F238E27FC236}">
                <a16:creationId xmlns:a16="http://schemas.microsoft.com/office/drawing/2014/main" id="{468FF6F5-8A75-41AE-0BDF-B970FEB1D694}"/>
              </a:ext>
            </a:extLst>
          </p:cNvPr>
          <p:cNvSpPr txBox="1"/>
          <p:nvPr/>
        </p:nvSpPr>
        <p:spPr>
          <a:xfrm>
            <a:off x="0" y="2297014"/>
            <a:ext cx="22299931" cy="1203215"/>
          </a:xfrm>
          <a:prstGeom prst="rect">
            <a:avLst/>
          </a:prstGeom>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dirty="0">
                <a:solidFill>
                  <a:srgbClr val="F7A81B"/>
                </a:solidFill>
                <a:latin typeface="Frutiger LT Std 45 Light"/>
                <a:sym typeface="Frutiger LT Std 45 Light"/>
              </a:rPr>
              <a:t>Examples of Rotary Specialists</a:t>
            </a:r>
            <a:endParaRPr sz="9600" b="0" kern="1200" spc="90" dirty="0">
              <a:solidFill>
                <a:srgbClr val="F7A81B"/>
              </a:solidFill>
              <a:latin typeface="Frutiger LT Std 45 Light"/>
              <a:sym typeface="Frutiger LT Std 45 Light"/>
            </a:endParaRPr>
          </a:p>
        </p:txBody>
      </p:sp>
      <p:pic>
        <p:nvPicPr>
          <p:cNvPr id="2" name="Picture 1" descr="A group of men standing and talking on the phone&#10;&#10;Description automatically generated">
            <a:extLst>
              <a:ext uri="{FF2B5EF4-FFF2-40B4-BE49-F238E27FC236}">
                <a16:creationId xmlns:a16="http://schemas.microsoft.com/office/drawing/2014/main" id="{C509ACCF-46C2-80F0-4605-C46B8B01CFCF}"/>
              </a:ext>
            </a:extLst>
          </p:cNvPr>
          <p:cNvPicPr>
            <a:picLocks noChangeAspect="1"/>
          </p:cNvPicPr>
          <p:nvPr/>
        </p:nvPicPr>
        <p:blipFill rotWithShape="1">
          <a:blip r:embed="rId3" cstate="print">
            <a:extLst>
              <a:ext uri="{BEBA8EAE-BF5A-486C-A8C5-ECC9F3942E4B}">
                <a14:imgProps xmlns:a14="http://schemas.microsoft.com/office/drawing/2010/main">
                  <a14:imgLayer r:embed="rId4">
                    <a14:imgEffect>
                      <a14:backgroundRemoval t="12034" b="89605" l="82213" r="93617">
                        <a14:foregroundMark x1="87460" y1="18079" x2="87460" y2="18079"/>
                        <a14:foregroundMark x1="88210" y1="26102" x2="88210" y2="26102"/>
                        <a14:foregroundMark x1="88074" y1="26102" x2="88074" y2="26102"/>
                        <a14:foregroundMark x1="88823" y1="26497" x2="88823" y2="26497"/>
                        <a14:foregroundMark x1="82258" y1="18079" x2="82258" y2="18079"/>
                        <a14:foregroundMark x1="86688" y1="30678" x2="86688" y2="30678"/>
                        <a14:foregroundMark x1="87756" y1="26836" x2="87756" y2="26836"/>
                        <a14:foregroundMark x1="88074" y1="13898" x2="88074" y2="13898"/>
                        <a14:foregroundMark x1="88687" y1="12034" x2="88687" y2="12034"/>
                        <a14:foregroundMark x1="88074" y1="13164" x2="88074" y2="13164"/>
                        <a14:foregroundMark x1="88369" y1="12034" x2="88369" y2="12034"/>
                        <a14:foregroundMark x1="86075" y1="86610" x2="86075" y2="86610"/>
                        <a14:foregroundMark x1="91890" y1="88475" x2="91890" y2="88475"/>
                        <a14:foregroundMark x1="86075" y1="89605" x2="86075" y2="89605"/>
                        <a14:foregroundMark x1="88074" y1="19605" x2="88074" y2="19605"/>
                        <a14:foregroundMark x1="88369" y1="26497" x2="88369" y2="26497"/>
                        <a14:foregroundMark x1="89141" y1="43220" x2="89141" y2="43220"/>
                        <a14:foregroundMark x1="85007" y1="42429" x2="85007" y2="42429"/>
                        <a14:foregroundMark x1="88528" y1="23446" x2="88528" y2="23446"/>
                        <a14:foregroundMark x1="89141" y1="26102" x2="89141" y2="26102"/>
                        <a14:foregroundMark x1="87619" y1="28362" x2="87619" y2="28362"/>
                        <a14:foregroundMark x1="86688" y1="33333" x2="86688" y2="33333"/>
                        <a14:foregroundMark x1="86688" y1="33333" x2="86688" y2="33333"/>
                        <a14:foregroundMark x1="87006" y1="33672" x2="87006" y2="33672"/>
                      </a14:backgroundRemoval>
                    </a14:imgEffect>
                  </a14:imgLayer>
                </a14:imgProps>
              </a:ext>
              <a:ext uri="{28A0092B-C50C-407E-A947-70E740481C1C}">
                <a14:useLocalDpi xmlns:a14="http://schemas.microsoft.com/office/drawing/2010/main" val="0"/>
              </a:ext>
            </a:extLst>
          </a:blip>
          <a:srcRect l="80969" t="10994" r="4949" b="47156"/>
          <a:stretch/>
        </p:blipFill>
        <p:spPr>
          <a:xfrm flipH="1">
            <a:off x="1268805" y="3732768"/>
            <a:ext cx="2923505" cy="3493478"/>
          </a:xfrm>
          <a:prstGeom prst="rect">
            <a:avLst/>
          </a:prstGeom>
        </p:spPr>
      </p:pic>
      <p:sp>
        <p:nvSpPr>
          <p:cNvPr id="6" name="TextBox 5">
            <a:extLst>
              <a:ext uri="{FF2B5EF4-FFF2-40B4-BE49-F238E27FC236}">
                <a16:creationId xmlns:a16="http://schemas.microsoft.com/office/drawing/2014/main" id="{59B95A6C-5287-704F-932B-7151C79EC9F1}"/>
              </a:ext>
            </a:extLst>
          </p:cNvPr>
          <p:cNvSpPr txBox="1"/>
          <p:nvPr/>
        </p:nvSpPr>
        <p:spPr>
          <a:xfrm>
            <a:off x="238882" y="7382654"/>
            <a:ext cx="4983349" cy="6093976"/>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Alex has built a multinational export company over the last 20 years.</a:t>
            </a:r>
          </a:p>
          <a:p>
            <a:pPr algn="ctr"/>
            <a:r>
              <a:rPr lang="en-US" dirty="0">
                <a:solidFill>
                  <a:srgbClr val="58585A"/>
                </a:solidFill>
                <a:latin typeface="Arial" panose="020B0604020202020204" pitchFamily="34" charset="0"/>
                <a:cs typeface="Arial" panose="020B0604020202020204" pitchFamily="34" charset="0"/>
              </a:rPr>
              <a:t>Qualifications: </a:t>
            </a:r>
            <a:r>
              <a:rPr lang="en-US" b="0" dirty="0">
                <a:solidFill>
                  <a:srgbClr val="58585A"/>
                </a:solidFill>
                <a:latin typeface="Arial" panose="020B0604020202020204" pitchFamily="34" charset="0"/>
                <a:cs typeface="Arial" panose="020B0604020202020204" pitchFamily="34" charset="0"/>
              </a:rPr>
              <a:t>MBA, Master of Leadership, Past District Governor</a:t>
            </a:r>
          </a:p>
          <a:p>
            <a:pPr algn="ctr"/>
            <a:r>
              <a:rPr lang="en-US" dirty="0">
                <a:solidFill>
                  <a:srgbClr val="58585A"/>
                </a:solidFill>
                <a:latin typeface="Arial" panose="020B0604020202020204" pitchFamily="34" charset="0"/>
                <a:cs typeface="Arial" panose="020B0604020202020204" pitchFamily="34" charset="0"/>
              </a:rPr>
              <a:t>Specialist Area: </a:t>
            </a:r>
            <a:r>
              <a:rPr lang="en-US" b="0" dirty="0">
                <a:solidFill>
                  <a:srgbClr val="58585A"/>
                </a:solidFill>
                <a:latin typeface="Arial" panose="020B0604020202020204" pitchFamily="34" charset="0"/>
                <a:cs typeface="Arial" panose="020B0604020202020204" pitchFamily="34" charset="0"/>
              </a:rPr>
              <a:t>Leadership development</a:t>
            </a:r>
          </a:p>
          <a:p>
            <a:pPr algn="ctr"/>
            <a:r>
              <a:rPr lang="en-US" dirty="0">
                <a:solidFill>
                  <a:srgbClr val="58585A"/>
                </a:solidFill>
                <a:latin typeface="Arial" panose="020B0604020202020204" pitchFamily="34" charset="0"/>
                <a:cs typeface="Arial" panose="020B0604020202020204" pitchFamily="34" charset="0"/>
              </a:rPr>
              <a:t>Skills: </a:t>
            </a:r>
            <a:r>
              <a:rPr lang="en-US" b="0" dirty="0">
                <a:solidFill>
                  <a:srgbClr val="58585A"/>
                </a:solidFill>
                <a:latin typeface="Arial" panose="020B0604020202020204" pitchFamily="34" charset="0"/>
                <a:cs typeface="Arial" panose="020B0604020202020204" pitchFamily="34" charset="0"/>
              </a:rPr>
              <a:t>Pathways to leadership, Rotary leadership options, RI Learning Centre</a:t>
            </a:r>
          </a:p>
        </p:txBody>
      </p:sp>
      <p:sp>
        <p:nvSpPr>
          <p:cNvPr id="7" name="TextBox 6">
            <a:extLst>
              <a:ext uri="{FF2B5EF4-FFF2-40B4-BE49-F238E27FC236}">
                <a16:creationId xmlns:a16="http://schemas.microsoft.com/office/drawing/2014/main" id="{FFC0ACC4-D3E8-C890-F964-03F056A3BA0C}"/>
              </a:ext>
            </a:extLst>
          </p:cNvPr>
          <p:cNvSpPr txBox="1"/>
          <p:nvPr/>
        </p:nvSpPr>
        <p:spPr>
          <a:xfrm>
            <a:off x="5696173" y="7382654"/>
            <a:ext cx="5856052" cy="6093976"/>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Robin has extensive experience as a lawyer, mediator and arbitrator. She has delivered training in conflict management at a District and club level.</a:t>
            </a:r>
          </a:p>
          <a:p>
            <a:pPr algn="ctr"/>
            <a:r>
              <a:rPr lang="en-US" dirty="0">
                <a:solidFill>
                  <a:srgbClr val="58585A"/>
                </a:solidFill>
                <a:latin typeface="Arial" panose="020B0604020202020204" pitchFamily="34" charset="0"/>
                <a:cs typeface="Arial" panose="020B0604020202020204" pitchFamily="34" charset="0"/>
              </a:rPr>
              <a:t>Qualifications: </a:t>
            </a:r>
            <a:r>
              <a:rPr lang="en-US" b="0" dirty="0">
                <a:solidFill>
                  <a:srgbClr val="58585A"/>
                </a:solidFill>
                <a:latin typeface="Arial" panose="020B0604020202020204" pitchFamily="34" charset="0"/>
                <a:cs typeface="Arial" panose="020B0604020202020204" pitchFamily="34" charset="0"/>
              </a:rPr>
              <a:t>Master of Law, LLM, Master of Dispute Resolution</a:t>
            </a:r>
          </a:p>
          <a:p>
            <a:pPr algn="ctr"/>
            <a:r>
              <a:rPr lang="en-US" dirty="0">
                <a:solidFill>
                  <a:srgbClr val="58585A"/>
                </a:solidFill>
                <a:latin typeface="Arial" panose="020B0604020202020204" pitchFamily="34" charset="0"/>
                <a:cs typeface="Arial" panose="020B0604020202020204" pitchFamily="34" charset="0"/>
              </a:rPr>
              <a:t>Specialist Areas: </a:t>
            </a:r>
            <a:r>
              <a:rPr lang="en-US" b="0" dirty="0">
                <a:solidFill>
                  <a:srgbClr val="58585A"/>
                </a:solidFill>
                <a:latin typeface="Arial" panose="020B0604020202020204" pitchFamily="34" charset="0"/>
                <a:cs typeface="Arial" panose="020B0604020202020204" pitchFamily="34" charset="0"/>
              </a:rPr>
              <a:t>Conflict training, coaching and resolution</a:t>
            </a:r>
          </a:p>
          <a:p>
            <a:pPr algn="ctr"/>
            <a:r>
              <a:rPr lang="en-US" dirty="0">
                <a:solidFill>
                  <a:srgbClr val="58585A"/>
                </a:solidFill>
                <a:latin typeface="Arial" panose="020B0604020202020204" pitchFamily="34" charset="0"/>
                <a:cs typeface="Arial" panose="020B0604020202020204" pitchFamily="34" charset="0"/>
              </a:rPr>
              <a:t>Skills: </a:t>
            </a:r>
            <a:r>
              <a:rPr lang="en-US" b="0" dirty="0">
                <a:solidFill>
                  <a:srgbClr val="58585A"/>
                </a:solidFill>
                <a:latin typeface="Arial" panose="020B0604020202020204" pitchFamily="34" charset="0"/>
                <a:cs typeface="Arial" panose="020B0604020202020204" pitchFamily="34" charset="0"/>
              </a:rPr>
              <a:t>Conflict resolution, constitution and bylaws framing, board governance</a:t>
            </a:r>
          </a:p>
        </p:txBody>
      </p:sp>
      <p:pic>
        <p:nvPicPr>
          <p:cNvPr id="10" name="Picture 9" descr="A group of women with prosthetic legs&#10;&#10;Description automatically generated">
            <a:extLst>
              <a:ext uri="{FF2B5EF4-FFF2-40B4-BE49-F238E27FC236}">
                <a16:creationId xmlns:a16="http://schemas.microsoft.com/office/drawing/2014/main" id="{C993AE86-5FF4-83A3-8F95-989C92A3623E}"/>
              </a:ext>
            </a:extLst>
          </p:cNvPr>
          <p:cNvPicPr>
            <a:picLocks noChangeAspect="1"/>
          </p:cNvPicPr>
          <p:nvPr/>
        </p:nvPicPr>
        <p:blipFill rotWithShape="1">
          <a:blip r:embed="rId5" cstate="print">
            <a:extLst>
              <a:ext uri="{BEBA8EAE-BF5A-486C-A8C5-ECC9F3942E4B}">
                <a14:imgProps xmlns:a14="http://schemas.microsoft.com/office/drawing/2010/main">
                  <a14:imgLayer r:embed="rId6">
                    <a14:imgEffect>
                      <a14:backgroundRemoval t="12291" b="91569" l="82230" r="93675">
                        <a14:foregroundMark x1="88214" y1="21026" x2="88214" y2="21026"/>
                        <a14:foregroundMark x1="88214" y1="19959" x2="88214" y2="19959"/>
                        <a14:foregroundMark x1="87440" y1="16811" x2="87440" y2="16811"/>
                        <a14:foregroundMark x1="87600" y1="14373" x2="87600" y2="14373"/>
                        <a14:foregroundMark x1="87440" y1="12291" x2="87440" y2="12291"/>
                        <a14:foregroundMark x1="88055" y1="19959" x2="88055" y2="19959"/>
                        <a14:foregroundMark x1="88214" y1="21026" x2="88214" y2="21026"/>
                        <a14:foregroundMark x1="88214" y1="21381" x2="88214" y2="21381"/>
                        <a14:foregroundMark x1="88373" y1="21737" x2="88373" y2="21737"/>
                        <a14:foregroundMark x1="83367" y1="87354" x2="83367" y2="87354"/>
                        <a14:foregroundMark x1="82753" y1="91569" x2="82753" y2="91569"/>
                        <a14:foregroundMark x1="93538" y1="90858" x2="93538" y2="90858"/>
                      </a14:backgroundRemoval>
                    </a14:imgEffect>
                  </a14:imgLayer>
                </a14:imgProps>
              </a:ext>
              <a:ext uri="{28A0092B-C50C-407E-A947-70E740481C1C}">
                <a14:useLocalDpi xmlns:a14="http://schemas.microsoft.com/office/drawing/2010/main" val="0"/>
              </a:ext>
            </a:extLst>
          </a:blip>
          <a:srcRect l="80815" t="9079" r="4874" b="55465"/>
          <a:stretch/>
        </p:blipFill>
        <p:spPr>
          <a:xfrm>
            <a:off x="7108476" y="4089737"/>
            <a:ext cx="2733665" cy="3034229"/>
          </a:xfrm>
          <a:prstGeom prst="rect">
            <a:avLst/>
          </a:prstGeom>
        </p:spPr>
      </p:pic>
      <p:pic>
        <p:nvPicPr>
          <p:cNvPr id="12" name="Picture 11" descr="A group of men standing and talking on the phone&#10;&#10;Description automatically generated">
            <a:extLst>
              <a:ext uri="{FF2B5EF4-FFF2-40B4-BE49-F238E27FC236}">
                <a16:creationId xmlns:a16="http://schemas.microsoft.com/office/drawing/2014/main" id="{893CA560-4DD4-8456-7B10-699FB9F17F78}"/>
              </a:ext>
            </a:extLst>
          </p:cNvPr>
          <p:cNvPicPr>
            <a:picLocks noChangeAspect="1"/>
          </p:cNvPicPr>
          <p:nvPr/>
        </p:nvPicPr>
        <p:blipFill rotWithShape="1">
          <a:blip r:embed="rId7" cstate="print">
            <a:extLst>
              <a:ext uri="{BEBA8EAE-BF5A-486C-A8C5-ECC9F3942E4B}">
                <a14:imgProps xmlns:a14="http://schemas.microsoft.com/office/drawing/2010/main">
                  <a14:imgLayer r:embed="rId4">
                    <a14:imgEffect>
                      <a14:backgroundRemoval t="9209" b="90226" l="68401" r="79896">
                        <a14:foregroundMark x1="69173" y1="24237" x2="69173" y2="34124"/>
                        <a14:foregroundMark x1="69173" y1="34124" x2="72490" y2="39831"/>
                        <a14:foregroundMark x1="72490" y1="39831" x2="72535" y2="39831"/>
                        <a14:foregroundMark x1="77351" y1="20904" x2="78692" y2="32147"/>
                        <a14:foregroundMark x1="78692" y1="32147" x2="78692" y2="33729"/>
                        <a14:foregroundMark x1="79691" y1="25650" x2="79691" y2="31751"/>
                        <a14:foregroundMark x1="68401" y1="25367" x2="68946" y2="34011"/>
                        <a14:foregroundMark x1="73876" y1="9492" x2="72990" y2="15650"/>
                        <a14:foregroundMark x1="74216" y1="15367" x2="74216" y2="15367"/>
                        <a14:foregroundMark x1="74216" y1="14520" x2="74216" y2="14520"/>
                        <a14:foregroundMark x1="70309" y1="87175" x2="71763" y2="85198"/>
                        <a14:foregroundMark x1="69968" y1="89661" x2="70968" y2="89944"/>
                        <a14:foregroundMark x1="75557" y1="88814" x2="76443" y2="90226"/>
                        <a14:foregroundMark x1="79464" y1="24237" x2="79918" y2="31243"/>
                        <a14:foregroundMark x1="74103" y1="10904" x2="74103" y2="10904"/>
                        <a14:foregroundMark x1="74216" y1="11751" x2="74216" y2="11751"/>
                        <a14:foregroundMark x1="73535" y1="9209" x2="73535" y2="9209"/>
                      </a14:backgroundRemoval>
                    </a14:imgEffect>
                  </a14:imgLayer>
                </a14:imgProps>
              </a:ext>
              <a:ext uri="{28A0092B-C50C-407E-A947-70E740481C1C}">
                <a14:useLocalDpi xmlns:a14="http://schemas.microsoft.com/office/drawing/2010/main" val="0"/>
              </a:ext>
            </a:extLst>
          </a:blip>
          <a:srcRect l="65454" t="5921" r="18890" b="42673"/>
          <a:stretch/>
        </p:blipFill>
        <p:spPr>
          <a:xfrm>
            <a:off x="13212055" y="3676996"/>
            <a:ext cx="2923505" cy="3859709"/>
          </a:xfrm>
          <a:prstGeom prst="rect">
            <a:avLst/>
          </a:prstGeom>
          <a:ln>
            <a:noFill/>
          </a:ln>
        </p:spPr>
      </p:pic>
      <p:sp>
        <p:nvSpPr>
          <p:cNvPr id="21" name="TextBox 20">
            <a:extLst>
              <a:ext uri="{FF2B5EF4-FFF2-40B4-BE49-F238E27FC236}">
                <a16:creationId xmlns:a16="http://schemas.microsoft.com/office/drawing/2014/main" id="{C39D7678-BB20-DE9D-6FF4-04E4C312C5E1}"/>
              </a:ext>
            </a:extLst>
          </p:cNvPr>
          <p:cNvSpPr txBox="1"/>
          <p:nvPr/>
        </p:nvSpPr>
        <p:spPr>
          <a:xfrm>
            <a:off x="12026167" y="7781330"/>
            <a:ext cx="5295282" cy="5632311"/>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Chris is an event manager with 10 years’ experience </a:t>
            </a:r>
            <a:r>
              <a:rPr lang="en-US" b="0" dirty="0" err="1">
                <a:solidFill>
                  <a:srgbClr val="58585A"/>
                </a:solidFill>
                <a:latin typeface="Arial" panose="020B0604020202020204" pitchFamily="34" charset="0"/>
                <a:cs typeface="Arial" panose="020B0604020202020204" pitchFamily="34" charset="0"/>
              </a:rPr>
              <a:t>organising</a:t>
            </a:r>
            <a:r>
              <a:rPr lang="en-US" b="0" dirty="0">
                <a:solidFill>
                  <a:srgbClr val="58585A"/>
                </a:solidFill>
                <a:latin typeface="Arial" panose="020B0604020202020204" pitchFamily="34" charset="0"/>
                <a:cs typeface="Arial" panose="020B0604020202020204" pitchFamily="34" charset="0"/>
              </a:rPr>
              <a:t> corporate events</a:t>
            </a:r>
          </a:p>
          <a:p>
            <a:pPr algn="ctr"/>
            <a:r>
              <a:rPr lang="en-US" dirty="0">
                <a:solidFill>
                  <a:srgbClr val="58585A"/>
                </a:solidFill>
                <a:latin typeface="Arial" panose="020B0604020202020204" pitchFamily="34" charset="0"/>
                <a:cs typeface="Arial" panose="020B0604020202020204" pitchFamily="34" charset="0"/>
              </a:rPr>
              <a:t>Qualifications:</a:t>
            </a:r>
            <a:r>
              <a:rPr lang="en-US" b="0" dirty="0">
                <a:solidFill>
                  <a:srgbClr val="58585A"/>
                </a:solidFill>
                <a:latin typeface="Arial" panose="020B0604020202020204" pitchFamily="34" charset="0"/>
                <a:cs typeface="Arial" panose="020B0604020202020204" pitchFamily="34" charset="0"/>
              </a:rPr>
              <a:t> N/A</a:t>
            </a:r>
          </a:p>
          <a:p>
            <a:pPr algn="ctr"/>
            <a:r>
              <a:rPr lang="en-US" dirty="0">
                <a:solidFill>
                  <a:srgbClr val="58585A"/>
                </a:solidFill>
                <a:latin typeface="Arial" panose="020B0604020202020204" pitchFamily="34" charset="0"/>
                <a:cs typeface="Arial" panose="020B0604020202020204" pitchFamily="34" charset="0"/>
              </a:rPr>
              <a:t>Specialist Areas: </a:t>
            </a:r>
            <a:r>
              <a:rPr lang="en-US" b="0" dirty="0">
                <a:solidFill>
                  <a:srgbClr val="58585A"/>
                </a:solidFill>
                <a:latin typeface="Arial" panose="020B0604020202020204" pitchFamily="34" charset="0"/>
                <a:cs typeface="Arial" panose="020B0604020202020204" pitchFamily="34" charset="0"/>
              </a:rPr>
              <a:t>Event management, District and club changeovers, District conferences</a:t>
            </a:r>
          </a:p>
          <a:p>
            <a:pPr algn="ctr"/>
            <a:r>
              <a:rPr lang="en-US" dirty="0">
                <a:solidFill>
                  <a:srgbClr val="58585A"/>
                </a:solidFill>
                <a:latin typeface="Arial" panose="020B0604020202020204" pitchFamily="34" charset="0"/>
                <a:cs typeface="Arial" panose="020B0604020202020204" pitchFamily="34" charset="0"/>
              </a:rPr>
              <a:t>Skills: </a:t>
            </a:r>
            <a:r>
              <a:rPr lang="en-US" b="0" dirty="0">
                <a:solidFill>
                  <a:srgbClr val="58585A"/>
                </a:solidFill>
                <a:latin typeface="Arial" panose="020B0604020202020204" pitchFamily="34" charset="0"/>
                <a:cs typeface="Arial" panose="020B0604020202020204" pitchFamily="34" charset="0"/>
              </a:rPr>
              <a:t>Venue management, menu allocations, seating arrangements, speaker arrangements</a:t>
            </a:r>
          </a:p>
        </p:txBody>
      </p:sp>
      <p:sp>
        <p:nvSpPr>
          <p:cNvPr id="26" name="TextBox 25">
            <a:extLst>
              <a:ext uri="{FF2B5EF4-FFF2-40B4-BE49-F238E27FC236}">
                <a16:creationId xmlns:a16="http://schemas.microsoft.com/office/drawing/2014/main" id="{45BA4A1C-AE69-46A2-3183-D1EC10418383}"/>
              </a:ext>
            </a:extLst>
          </p:cNvPr>
          <p:cNvSpPr txBox="1"/>
          <p:nvPr/>
        </p:nvSpPr>
        <p:spPr>
          <a:xfrm>
            <a:off x="17795391" y="7781329"/>
            <a:ext cx="6273714" cy="5632311"/>
          </a:xfrm>
          <a:prstGeom prst="rect">
            <a:avLst/>
          </a:prstGeom>
          <a:noFill/>
          <a:ln>
            <a:solidFill>
              <a:srgbClr val="FFC000"/>
            </a:solidFill>
          </a:ln>
        </p:spPr>
        <p:txBody>
          <a:bodyPr wrap="square">
            <a:spAutoFit/>
          </a:bodyPr>
          <a:lstStyle/>
          <a:p>
            <a:pPr algn="ctr"/>
            <a:r>
              <a:rPr lang="en-US" b="0" dirty="0">
                <a:solidFill>
                  <a:srgbClr val="58585A"/>
                </a:solidFill>
                <a:latin typeface="Arial" panose="020B0604020202020204" pitchFamily="34" charset="0"/>
                <a:cs typeface="Arial" panose="020B0604020202020204" pitchFamily="34" charset="0"/>
              </a:rPr>
              <a:t>Robby has been a Rotarian for 15 years and a vocational educator for 25 years.</a:t>
            </a:r>
          </a:p>
          <a:p>
            <a:pPr algn="ctr"/>
            <a:r>
              <a:rPr lang="en-US" dirty="0">
                <a:solidFill>
                  <a:srgbClr val="58585A"/>
                </a:solidFill>
                <a:latin typeface="Arial" panose="020B0604020202020204" pitchFamily="34" charset="0"/>
                <a:cs typeface="Arial" panose="020B0604020202020204" pitchFamily="34" charset="0"/>
              </a:rPr>
              <a:t>Qualifications:</a:t>
            </a:r>
            <a:r>
              <a:rPr lang="en-US" b="0" dirty="0">
                <a:solidFill>
                  <a:srgbClr val="58585A"/>
                </a:solidFill>
                <a:latin typeface="Arial" panose="020B0604020202020204" pitchFamily="34" charset="0"/>
                <a:cs typeface="Arial" panose="020B0604020202020204" pitchFamily="34" charset="0"/>
              </a:rPr>
              <a:t> Vocational learning diplomas, Past President, AG of 3 years</a:t>
            </a:r>
          </a:p>
          <a:p>
            <a:pPr algn="ctr"/>
            <a:r>
              <a:rPr lang="en-US" dirty="0">
                <a:solidFill>
                  <a:srgbClr val="58585A"/>
                </a:solidFill>
                <a:latin typeface="Arial" panose="020B0604020202020204" pitchFamily="34" charset="0"/>
                <a:cs typeface="Arial" panose="020B0604020202020204" pitchFamily="34" charset="0"/>
              </a:rPr>
              <a:t>Specialist Areas: </a:t>
            </a:r>
            <a:r>
              <a:rPr lang="en-US" b="0" dirty="0">
                <a:solidFill>
                  <a:srgbClr val="58585A"/>
                </a:solidFill>
                <a:latin typeface="Arial" panose="020B0604020202020204" pitchFamily="34" charset="0"/>
                <a:cs typeface="Arial" panose="020B0604020202020204" pitchFamily="34" charset="0"/>
              </a:rPr>
              <a:t>Learning and development, leadership pathways</a:t>
            </a:r>
          </a:p>
          <a:p>
            <a:pPr algn="ctr"/>
            <a:r>
              <a:rPr lang="en-US" dirty="0">
                <a:solidFill>
                  <a:srgbClr val="58585A"/>
                </a:solidFill>
                <a:latin typeface="Arial" panose="020B0604020202020204" pitchFamily="34" charset="0"/>
                <a:cs typeface="Arial" panose="020B0604020202020204" pitchFamily="34" charset="0"/>
              </a:rPr>
              <a:t>Skills: </a:t>
            </a:r>
            <a:r>
              <a:rPr lang="en-US" b="0" dirty="0">
                <a:solidFill>
                  <a:srgbClr val="58585A"/>
                </a:solidFill>
                <a:latin typeface="Arial" panose="020B0604020202020204" pitchFamily="34" charset="0"/>
                <a:cs typeface="Arial" panose="020B0604020202020204" pitchFamily="34" charset="0"/>
              </a:rPr>
              <a:t>RI Learning Centre, RLI facilitation, District Assembly coordination, learning facilitation, L&amp;D documentation/presentations</a:t>
            </a:r>
          </a:p>
        </p:txBody>
      </p:sp>
      <p:pic>
        <p:nvPicPr>
          <p:cNvPr id="28" name="Picture 27" descr="A group of men standing and talking on the phone&#10;&#10;Description automatically generated">
            <a:extLst>
              <a:ext uri="{FF2B5EF4-FFF2-40B4-BE49-F238E27FC236}">
                <a16:creationId xmlns:a16="http://schemas.microsoft.com/office/drawing/2014/main" id="{2BC558A0-451F-50BD-32AC-B09FA1BF3D1B}"/>
              </a:ext>
            </a:extLst>
          </p:cNvPr>
          <p:cNvPicPr>
            <a:picLocks noChangeAspect="1"/>
          </p:cNvPicPr>
          <p:nvPr/>
        </p:nvPicPr>
        <p:blipFill rotWithShape="1">
          <a:blip r:embed="rId8" cstate="print">
            <a:extLst>
              <a:ext uri="{BEBA8EAE-BF5A-486C-A8C5-ECC9F3942E4B}">
                <a14:imgProps xmlns:a14="http://schemas.microsoft.com/office/drawing/2010/main">
                  <a14:imgLayer r:embed="rId4">
                    <a14:imgEffect>
                      <a14:backgroundRemoval t="11808" b="90565" l="5225" r="19309">
                        <a14:foregroundMark x1="5543" y1="25537" x2="5543" y2="25537"/>
                        <a14:foregroundMark x1="5225" y1="21356" x2="5225" y2="21356"/>
                        <a14:foregroundMark x1="12881" y1="11864" x2="12881" y2="11864"/>
                        <a14:foregroundMark x1="14857" y1="86836" x2="14857" y2="86836"/>
                        <a14:foregroundMark x1="13630" y1="89831" x2="13630" y2="89831"/>
                        <a14:foregroundMark x1="15788" y1="90621" x2="15788" y2="90621"/>
                        <a14:foregroundMark x1="19309" y1="33164" x2="19309" y2="33164"/>
                        <a14:foregroundMark x1="14562" y1="36215" x2="14562" y2="36215"/>
                        <a14:foregroundMark x1="15243" y1="35537" x2="15243" y2="35537"/>
                        <a14:foregroundMark x1="15243" y1="35537" x2="15243" y2="35537"/>
                        <a14:foregroundMark x1="15243" y1="35537" x2="15243" y2="35537"/>
                        <a14:foregroundMark x1="14925" y1="35537" x2="14925" y2="35537"/>
                        <a14:foregroundMark x1="14130" y1="35254" x2="14130" y2="35254"/>
                        <a14:foregroundMark x1="14130" y1="32994" x2="14130" y2="32994"/>
                        <a14:foregroundMark x1="14584" y1="38023" x2="14584" y2="38023"/>
                        <a14:foregroundMark x1="12903" y1="37458" x2="12903" y2="37458"/>
                        <a14:foregroundMark x1="18946" y1="41073" x2="18946" y2="41073"/>
                        <a14:foregroundMark x1="16583" y1="31638" x2="16583" y2="31638"/>
                        <a14:foregroundMark x1="15243" y1="31356" x2="15243" y2="31356"/>
                      </a14:backgroundRemoval>
                    </a14:imgEffect>
                  </a14:imgLayer>
                </a14:imgProps>
              </a:ext>
              <a:ext uri="{28A0092B-C50C-407E-A947-70E740481C1C}">
                <a14:useLocalDpi xmlns:a14="http://schemas.microsoft.com/office/drawing/2010/main" val="0"/>
              </a:ext>
            </a:extLst>
          </a:blip>
          <a:srcRect l="3916" t="7645" r="79707" b="44275"/>
          <a:stretch/>
        </p:blipFill>
        <p:spPr>
          <a:xfrm>
            <a:off x="19362690" y="3831047"/>
            <a:ext cx="3139116" cy="3705658"/>
          </a:xfrm>
          <a:prstGeom prst="rect">
            <a:avLst/>
          </a:prstGeom>
        </p:spPr>
      </p:pic>
    </p:spTree>
    <p:extLst>
      <p:ext uri="{BB962C8B-B14F-4D97-AF65-F5344CB8AC3E}">
        <p14:creationId xmlns:p14="http://schemas.microsoft.com/office/powerpoint/2010/main" val="64960428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2104850"/>
            <a:ext cx="22299931" cy="1203215"/>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dirty="0">
                <a:solidFill>
                  <a:srgbClr val="F7A81B"/>
                </a:solidFill>
                <a:latin typeface="Frutiger LT Std 45 Light"/>
                <a:sym typeface="Frutiger LT Std 45 Light"/>
              </a:rPr>
              <a:t>Membership Update</a:t>
            </a:r>
            <a:endParaRPr sz="9600" b="0" kern="1200" spc="90" dirty="0">
              <a:solidFill>
                <a:srgbClr val="F7A81B"/>
              </a:solidFill>
              <a:latin typeface="Frutiger LT Std 45 Light"/>
              <a:sym typeface="Frutiger LT Std 45 Light"/>
            </a:endParaRPr>
          </a:p>
        </p:txBody>
      </p:sp>
      <p:sp>
        <p:nvSpPr>
          <p:cNvPr id="2" name="Content Placeholder 4">
            <a:extLst>
              <a:ext uri="{FF2B5EF4-FFF2-40B4-BE49-F238E27FC236}">
                <a16:creationId xmlns:a16="http://schemas.microsoft.com/office/drawing/2014/main" id="{B09CAA94-C2D7-9DDE-2FFF-E681731AB909}"/>
              </a:ext>
            </a:extLst>
          </p:cNvPr>
          <p:cNvSpPr txBox="1">
            <a:spLocks/>
          </p:cNvSpPr>
          <p:nvPr/>
        </p:nvSpPr>
        <p:spPr>
          <a:xfrm>
            <a:off x="1197140" y="4567156"/>
            <a:ext cx="21989717" cy="7819385"/>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4300" dirty="0">
                <a:solidFill>
                  <a:srgbClr val="58585A"/>
                </a:solidFill>
                <a:latin typeface="Arial" panose="02040604050505020304" pitchFamily="18" charset="0"/>
              </a:rPr>
              <a:t>A Zone-wide </a:t>
            </a:r>
            <a:r>
              <a:rPr lang="en-AU" sz="4300" b="1" dirty="0">
                <a:solidFill>
                  <a:srgbClr val="58585A"/>
                </a:solidFill>
                <a:latin typeface="Arial" panose="02040604050505020304" pitchFamily="18" charset="0"/>
              </a:rPr>
              <a:t>New Club Development Team </a:t>
            </a:r>
            <a:r>
              <a:rPr lang="en-AU" sz="4300" dirty="0">
                <a:solidFill>
                  <a:srgbClr val="58585A"/>
                </a:solidFill>
                <a:latin typeface="Arial" panose="02040604050505020304" pitchFamily="18" charset="0"/>
              </a:rPr>
              <a:t>is now in place to help start up new clubs. The list of New Club Development Specialists is available on the </a:t>
            </a:r>
            <a:r>
              <a:rPr lang="en-AU" sz="4300" i="1" dirty="0">
                <a:solidFill>
                  <a:srgbClr val="58585A"/>
                </a:solidFill>
                <a:latin typeface="Arial" panose="02040604050505020304" pitchFamily="18" charset="0"/>
                <a:hlinkClick r:id="rId3"/>
              </a:rPr>
              <a:t>Creating Tomorrow </a:t>
            </a:r>
            <a:r>
              <a:rPr lang="en-AU" sz="4300" dirty="0">
                <a:solidFill>
                  <a:srgbClr val="58585A"/>
                </a:solidFill>
                <a:latin typeface="Arial" panose="02040604050505020304" pitchFamily="18" charset="0"/>
                <a:hlinkClick r:id="rId3"/>
              </a:rPr>
              <a:t>website</a:t>
            </a:r>
            <a:r>
              <a:rPr lang="en-AU" sz="4300" dirty="0">
                <a:solidFill>
                  <a:srgbClr val="58585A"/>
                </a:solidFill>
                <a:latin typeface="Arial" panose="02040604050505020304" pitchFamily="18" charset="0"/>
              </a:rPr>
              <a:t>. You can contact them for assistance developing both “traditional” and “new style” clubs.</a:t>
            </a:r>
          </a:p>
          <a:p>
            <a:pPr marL="1617663" lvl="3" indent="-665163">
              <a:lnSpc>
                <a:spcPct val="114000"/>
              </a:lnSpc>
              <a:spcBef>
                <a:spcPts val="0"/>
              </a:spcBef>
              <a:spcAft>
                <a:spcPts val="3000"/>
              </a:spcAft>
              <a:buFont typeface="Arial" panose="020B0604020202020204" pitchFamily="34" charset="0"/>
              <a:buChar char="•"/>
            </a:pPr>
            <a:r>
              <a:rPr lang="en-AU" sz="4300" dirty="0">
                <a:solidFill>
                  <a:srgbClr val="58585A"/>
                </a:solidFill>
                <a:latin typeface="Arial" panose="02040604050505020304" pitchFamily="18" charset="0"/>
              </a:rPr>
              <a:t>We will soon be establishing a Zone-wide </a:t>
            </a:r>
            <a:r>
              <a:rPr lang="en-AU" sz="4300" b="1" dirty="0">
                <a:solidFill>
                  <a:srgbClr val="58585A"/>
                </a:solidFill>
                <a:latin typeface="Arial" panose="02040604050505020304" pitchFamily="18" charset="0"/>
              </a:rPr>
              <a:t>Club Culture Transformation Team</a:t>
            </a:r>
            <a:r>
              <a:rPr lang="en-AU" sz="4300" dirty="0">
                <a:solidFill>
                  <a:srgbClr val="58585A"/>
                </a:solidFill>
                <a:latin typeface="Arial" panose="02040604050505020304" pitchFamily="18" charset="0"/>
              </a:rPr>
              <a:t> to help RCGs and RCLs assist existing clubs to retain and attract members.</a:t>
            </a:r>
          </a:p>
          <a:p>
            <a:pPr marL="1617663" lvl="3" indent="-665163">
              <a:lnSpc>
                <a:spcPct val="114000"/>
              </a:lnSpc>
              <a:spcBef>
                <a:spcPts val="0"/>
              </a:spcBef>
              <a:spcAft>
                <a:spcPts val="3000"/>
              </a:spcAft>
              <a:buFont typeface="Arial" panose="020B0604020202020204" pitchFamily="34" charset="0"/>
              <a:buChar char="•"/>
            </a:pPr>
            <a:r>
              <a:rPr lang="en-AU" sz="4300" dirty="0">
                <a:solidFill>
                  <a:srgbClr val="58585A"/>
                </a:solidFill>
                <a:latin typeface="Arial" panose="02040604050505020304" pitchFamily="18" charset="0"/>
              </a:rPr>
              <a:t>In October, a survey will be distributed to District Membership Chairs and Assistant Rotary Coordinators to identify gaps in membership training materials. A Zone-wide </a:t>
            </a:r>
            <a:r>
              <a:rPr lang="en-AU" sz="4300" b="1" dirty="0">
                <a:solidFill>
                  <a:srgbClr val="58585A"/>
                </a:solidFill>
                <a:latin typeface="Arial" panose="02040604050505020304" pitchFamily="18" charset="0"/>
              </a:rPr>
              <a:t>Membership Training Manual </a:t>
            </a:r>
            <a:r>
              <a:rPr lang="en-AU" sz="4300" dirty="0">
                <a:solidFill>
                  <a:srgbClr val="58585A"/>
                </a:solidFill>
                <a:latin typeface="Arial" panose="02040604050505020304" pitchFamily="18" charset="0"/>
              </a:rPr>
              <a:t>will then be developed to address these gaps.</a:t>
            </a:r>
          </a:p>
        </p:txBody>
      </p:sp>
    </p:spTree>
    <p:extLst>
      <p:ext uri="{BB962C8B-B14F-4D97-AF65-F5344CB8AC3E}">
        <p14:creationId xmlns:p14="http://schemas.microsoft.com/office/powerpoint/2010/main" val="3237961604"/>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0" y="3961032"/>
            <a:ext cx="17427825" cy="9177157"/>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809750" lvl="3" indent="-857250">
              <a:spcBef>
                <a:spcPts val="0"/>
              </a:spcBef>
              <a:spcAft>
                <a:spcPts val="3000"/>
              </a:spcAft>
              <a:buFont typeface="Arial" panose="020B0604020202020204" pitchFamily="34" charset="0"/>
              <a:buChar char="•"/>
            </a:pPr>
            <a:r>
              <a:rPr lang="en-AU" sz="3600" dirty="0">
                <a:solidFill>
                  <a:srgbClr val="58585A"/>
                </a:solidFill>
                <a:latin typeface="Arial" panose="02040604050505020304" pitchFamily="18" charset="0"/>
              </a:rPr>
              <a:t>Starting in early 2024, certain duties and functions currently carried out by Districts and District leaders will gradually be transferred to the Regional Council</a:t>
            </a:r>
          </a:p>
          <a:p>
            <a:pPr marL="1809750" lvl="3" indent="-857250">
              <a:spcBef>
                <a:spcPts val="0"/>
              </a:spcBef>
              <a:spcAft>
                <a:spcPts val="3000"/>
              </a:spcAft>
              <a:buFont typeface="Arial" panose="020B0604020202020204" pitchFamily="34" charset="0"/>
              <a:buChar char="•"/>
            </a:pPr>
            <a:r>
              <a:rPr lang="en-AU" sz="3600" dirty="0">
                <a:solidFill>
                  <a:srgbClr val="58585A"/>
                </a:solidFill>
                <a:latin typeface="Arial" panose="02040604050505020304" pitchFamily="18" charset="0"/>
              </a:rPr>
              <a:t>Consultation with the Governor group is being used to develop a clear plan</a:t>
            </a:r>
          </a:p>
          <a:p>
            <a:pPr marL="1809750" lvl="3" indent="-857250">
              <a:spcBef>
                <a:spcPts val="0"/>
              </a:spcBef>
              <a:spcAft>
                <a:spcPts val="3000"/>
              </a:spcAft>
              <a:buFont typeface="Arial" panose="020B0604020202020204" pitchFamily="34" charset="0"/>
              <a:buChar char="•"/>
            </a:pPr>
            <a:r>
              <a:rPr lang="en-AU" sz="3600" dirty="0">
                <a:solidFill>
                  <a:srgbClr val="58585A"/>
                </a:solidFill>
                <a:latin typeface="Arial" panose="02040604050505020304" pitchFamily="18" charset="0"/>
              </a:rPr>
              <a:t>Certain duties and functions related to </a:t>
            </a:r>
            <a:r>
              <a:rPr lang="en-AU" sz="3600" b="1" dirty="0">
                <a:solidFill>
                  <a:srgbClr val="58585A"/>
                </a:solidFill>
                <a:latin typeface="Arial" panose="02040604050505020304" pitchFamily="18" charset="0"/>
              </a:rPr>
              <a:t>Membership</a:t>
            </a:r>
            <a:r>
              <a:rPr lang="en-AU" sz="3600" dirty="0">
                <a:solidFill>
                  <a:srgbClr val="58585A"/>
                </a:solidFill>
                <a:latin typeface="Arial" panose="02040604050505020304" pitchFamily="18" charset="0"/>
              </a:rPr>
              <a:t> and </a:t>
            </a:r>
            <a:r>
              <a:rPr lang="en-AU" sz="3600" b="1" dirty="0">
                <a:solidFill>
                  <a:srgbClr val="58585A"/>
                </a:solidFill>
                <a:latin typeface="Arial" panose="02040604050505020304" pitchFamily="18" charset="0"/>
              </a:rPr>
              <a:t>Public Image </a:t>
            </a:r>
            <a:r>
              <a:rPr lang="en-AU" sz="3600" dirty="0">
                <a:solidFill>
                  <a:srgbClr val="58585A"/>
                </a:solidFill>
                <a:latin typeface="Arial" panose="02040604050505020304" pitchFamily="18" charset="0"/>
              </a:rPr>
              <a:t>will move to the Regional Council first, as key areas where the Pilot’s operating model can help Zone 8 achieve its goals</a:t>
            </a:r>
          </a:p>
          <a:p>
            <a:pPr marL="1809750" lvl="3" indent="-857250">
              <a:spcBef>
                <a:spcPts val="0"/>
              </a:spcBef>
              <a:spcAft>
                <a:spcPts val="3000"/>
              </a:spcAft>
              <a:buFont typeface="Arial" panose="020B0604020202020204" pitchFamily="34" charset="0"/>
              <a:buChar char="•"/>
            </a:pPr>
            <a:r>
              <a:rPr lang="en-AU" sz="3600" dirty="0">
                <a:solidFill>
                  <a:srgbClr val="58585A"/>
                </a:solidFill>
                <a:latin typeface="Arial" panose="02040604050505020304" pitchFamily="18" charset="0"/>
              </a:rPr>
              <a:t>Districts and District Governors will remain in place and will work with key actors in the Pilot’s operating model to support clubs</a:t>
            </a:r>
          </a:p>
          <a:p>
            <a:pPr marL="1809750" lvl="3" indent="-857250">
              <a:spcBef>
                <a:spcPts val="0"/>
              </a:spcBef>
              <a:spcAft>
                <a:spcPts val="3000"/>
              </a:spcAft>
              <a:buFont typeface="Arial" panose="020B0604020202020204" pitchFamily="34" charset="0"/>
              <a:buChar char="•"/>
            </a:pPr>
            <a:r>
              <a:rPr lang="en-AU" sz="3600" spc="-40" dirty="0">
                <a:solidFill>
                  <a:srgbClr val="58585A"/>
                </a:solidFill>
                <a:latin typeface="Arial" panose="02040604050505020304" pitchFamily="18" charset="0"/>
              </a:rPr>
              <a:t>Primary responsibility for supporting clubs will shift from Districts to Rotary Community Leaders</a:t>
            </a:r>
            <a:endParaRPr lang="en-AU" sz="3600" dirty="0">
              <a:solidFill>
                <a:srgbClr val="58585A"/>
              </a:solidFill>
              <a:latin typeface="Arial" panose="02040604050505020304" pitchFamily="18" charset="0"/>
            </a:endParaRPr>
          </a:p>
          <a:p>
            <a:pPr marL="1809750" lvl="3" indent="-857250">
              <a:spcBef>
                <a:spcPts val="0"/>
              </a:spcBef>
              <a:spcAft>
                <a:spcPts val="3000"/>
              </a:spcAft>
              <a:buFont typeface="Arial" panose="020B0604020202020204" pitchFamily="34" charset="0"/>
              <a:buChar char="•"/>
            </a:pPr>
            <a:r>
              <a:rPr lang="en-AU" sz="3600" dirty="0">
                <a:solidFill>
                  <a:srgbClr val="58585A"/>
                </a:solidFill>
                <a:latin typeface="Arial" panose="02040604050505020304" pitchFamily="18" charset="0"/>
              </a:rPr>
              <a:t>Current club and District arrangements regarding The Rotary Foundation will remain in place</a:t>
            </a:r>
          </a:p>
        </p:txBody>
      </p:sp>
      <p:sp>
        <p:nvSpPr>
          <p:cNvPr id="4" name="How can you learn more?">
            <a:extLst>
              <a:ext uri="{FF2B5EF4-FFF2-40B4-BE49-F238E27FC236}">
                <a16:creationId xmlns:a16="http://schemas.microsoft.com/office/drawing/2014/main" id="{99EB0E17-BB44-B056-0265-BB93B2FE65C1}"/>
              </a:ext>
            </a:extLst>
          </p:cNvPr>
          <p:cNvSpPr txBox="1"/>
          <p:nvPr/>
        </p:nvSpPr>
        <p:spPr>
          <a:xfrm>
            <a:off x="-1" y="1940352"/>
            <a:ext cx="24345902"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8000" b="0" kern="1200" spc="90" dirty="0">
                <a:solidFill>
                  <a:srgbClr val="F7A81B"/>
                </a:solidFill>
                <a:latin typeface="Frutiger LT Std 45 Light"/>
                <a:sym typeface="Frutiger LT Std 45 Light"/>
              </a:rPr>
              <a:t>Transformation of District Duties and Functions</a:t>
            </a:r>
          </a:p>
        </p:txBody>
      </p:sp>
      <p:sp>
        <p:nvSpPr>
          <p:cNvPr id="24" name="TextBox 23">
            <a:extLst>
              <a:ext uri="{FF2B5EF4-FFF2-40B4-BE49-F238E27FC236}">
                <a16:creationId xmlns:a16="http://schemas.microsoft.com/office/drawing/2014/main" id="{77C335D0-AE89-62DF-74FB-1CD42FE2E32F}"/>
              </a:ext>
            </a:extLst>
          </p:cNvPr>
          <p:cNvSpPr txBox="1"/>
          <p:nvPr/>
        </p:nvSpPr>
        <p:spPr>
          <a:xfrm>
            <a:off x="18430261" y="3910708"/>
            <a:ext cx="4942531" cy="9227481"/>
          </a:xfrm>
          <a:prstGeom prst="rect">
            <a:avLst/>
          </a:prstGeom>
          <a:noFill/>
          <a:ln>
            <a:solidFill>
              <a:srgbClr val="FFC000"/>
            </a:solidFill>
          </a:ln>
        </p:spPr>
        <p:txBody>
          <a:bodyPr wrap="square" lIns="360000" tIns="180000" rIns="360000" bIns="180000">
            <a:spAutoFit/>
          </a:bodyPr>
          <a:lstStyle/>
          <a:p>
            <a:pPr algn="ctr"/>
            <a:r>
              <a:rPr lang="en-US" sz="3200" b="0" dirty="0">
                <a:solidFill>
                  <a:srgbClr val="58585A"/>
                </a:solidFill>
                <a:latin typeface="Arial" panose="020B0604020202020204" pitchFamily="34" charset="0"/>
                <a:cs typeface="Arial" panose="020B0604020202020204" pitchFamily="34" charset="0"/>
              </a:rPr>
              <a:t>“I would like to think that the pioneering days of Rotary have only just begun. What’s 40 years in the life of a great movement? There are just as many new things to be done as there ever were.”</a:t>
            </a:r>
          </a:p>
          <a:p>
            <a:pPr algn="ctr"/>
            <a:endParaRPr lang="en-US" sz="3200" b="0" dirty="0">
              <a:solidFill>
                <a:srgbClr val="58585A"/>
              </a:solidFill>
              <a:latin typeface="Arial" panose="020B0604020202020204" pitchFamily="34" charset="0"/>
              <a:cs typeface="Arial" panose="020B0604020202020204" pitchFamily="34" charset="0"/>
            </a:endParaRPr>
          </a:p>
          <a:p>
            <a:pPr algn="ctr"/>
            <a:endParaRPr lang="en-US" sz="3200" b="0" dirty="0">
              <a:solidFill>
                <a:srgbClr val="58585A"/>
              </a:solidFill>
              <a:latin typeface="Arial" panose="020B0604020202020204" pitchFamily="34" charset="0"/>
              <a:cs typeface="Arial" panose="020B0604020202020204" pitchFamily="34" charset="0"/>
            </a:endParaRPr>
          </a:p>
          <a:p>
            <a:pPr algn="ctr"/>
            <a:endParaRPr lang="en-US" sz="3200" b="0" dirty="0">
              <a:solidFill>
                <a:srgbClr val="58585A"/>
              </a:solidFill>
              <a:latin typeface="Arial" panose="020B0604020202020204" pitchFamily="34" charset="0"/>
              <a:cs typeface="Arial" panose="020B0604020202020204" pitchFamily="34" charset="0"/>
            </a:endParaRPr>
          </a:p>
          <a:p>
            <a:pPr algn="ctr"/>
            <a:endParaRPr lang="en-US" sz="3200" b="0" dirty="0">
              <a:solidFill>
                <a:srgbClr val="58585A"/>
              </a:solidFill>
              <a:latin typeface="Arial" panose="020B0604020202020204" pitchFamily="34" charset="0"/>
              <a:cs typeface="Arial" panose="020B0604020202020204" pitchFamily="34" charset="0"/>
            </a:endParaRPr>
          </a:p>
          <a:p>
            <a:pPr algn="ctr"/>
            <a:endParaRPr lang="en-US" sz="3200" b="0" dirty="0">
              <a:solidFill>
                <a:srgbClr val="58585A"/>
              </a:solidFill>
              <a:latin typeface="Arial" panose="020B0604020202020204" pitchFamily="34" charset="0"/>
              <a:cs typeface="Arial" panose="020B0604020202020204" pitchFamily="34" charset="0"/>
            </a:endParaRPr>
          </a:p>
          <a:p>
            <a:pPr algn="ctr"/>
            <a:endParaRPr lang="en-US" sz="3200" b="0" dirty="0">
              <a:solidFill>
                <a:srgbClr val="58585A"/>
              </a:solidFill>
              <a:latin typeface="Arial" panose="020B0604020202020204" pitchFamily="34" charset="0"/>
              <a:cs typeface="Arial" panose="020B0604020202020204" pitchFamily="34" charset="0"/>
            </a:endParaRPr>
          </a:p>
          <a:p>
            <a:pPr algn="ctr"/>
            <a:r>
              <a:rPr lang="en-US" sz="3200" b="0" dirty="0">
                <a:solidFill>
                  <a:srgbClr val="58585A"/>
                </a:solidFill>
                <a:latin typeface="Arial" panose="020B0604020202020204" pitchFamily="34" charset="0"/>
                <a:cs typeface="Arial" panose="020B0604020202020204" pitchFamily="34" charset="0"/>
              </a:rPr>
              <a:t>Paul Harris,</a:t>
            </a:r>
          </a:p>
          <a:p>
            <a:pPr algn="ctr"/>
            <a:r>
              <a:rPr lang="en-US" sz="3200" b="0" i="1" dirty="0">
                <a:solidFill>
                  <a:srgbClr val="58585A"/>
                </a:solidFill>
                <a:latin typeface="Arial" panose="020B0604020202020204" pitchFamily="34" charset="0"/>
                <a:cs typeface="Arial" panose="020B0604020202020204" pitchFamily="34" charset="0"/>
              </a:rPr>
              <a:t>The Rotarian</a:t>
            </a:r>
            <a:r>
              <a:rPr lang="en-US" sz="3200" b="0" dirty="0">
                <a:solidFill>
                  <a:srgbClr val="58585A"/>
                </a:solidFill>
                <a:latin typeface="Arial" panose="020B0604020202020204" pitchFamily="34" charset="0"/>
                <a:cs typeface="Arial" panose="020B0604020202020204" pitchFamily="34" charset="0"/>
              </a:rPr>
              <a:t>,</a:t>
            </a:r>
          </a:p>
          <a:p>
            <a:pPr algn="ctr"/>
            <a:r>
              <a:rPr lang="en-US" sz="3200" b="0" dirty="0">
                <a:solidFill>
                  <a:srgbClr val="58585A"/>
                </a:solidFill>
                <a:latin typeface="Arial" panose="020B0604020202020204" pitchFamily="34" charset="0"/>
                <a:cs typeface="Arial" panose="020B0604020202020204" pitchFamily="34" charset="0"/>
              </a:rPr>
              <a:t>February 1945</a:t>
            </a:r>
          </a:p>
        </p:txBody>
      </p:sp>
      <p:pic>
        <p:nvPicPr>
          <p:cNvPr id="25" name="Picture 24">
            <a:extLst>
              <a:ext uri="{FF2B5EF4-FFF2-40B4-BE49-F238E27FC236}">
                <a16:creationId xmlns:a16="http://schemas.microsoft.com/office/drawing/2014/main" id="{CC54E40B-C109-3A88-A57D-11796A50C674}"/>
              </a:ext>
            </a:extLst>
          </p:cNvPr>
          <p:cNvPicPr>
            <a:picLocks noChangeAspect="1"/>
          </p:cNvPicPr>
          <p:nvPr/>
        </p:nvPicPr>
        <p:blipFill rotWithShape="1">
          <a:blip r:embed="rId3">
            <a:extLst>
              <a:ext uri="{BEBA8EAE-BF5A-486C-A8C5-ECC9F3942E4B}">
                <a14:imgProps xmlns:a14="http://schemas.microsoft.com/office/drawing/2010/main">
                  <a14:imgLayer r:embed="rId4">
                    <a14:imgEffect>
                      <a14:backgroundRemoval t="9312" b="89879" l="5712" r="89944">
                        <a14:foregroundMark x1="14320" y1="35493" x2="14320" y2="35493"/>
                        <a14:foregroundMark x1="16010" y1="25506" x2="16010" y2="25506"/>
                        <a14:foregroundMark x1="17377" y1="13765" x2="17377" y2="13765"/>
                        <a14:foregroundMark x1="19389" y1="9312" x2="19389" y2="9312"/>
                        <a14:foregroundMark x1="9654" y1="14845" x2="9654" y2="14845"/>
                        <a14:foregroundMark x1="5712" y1="27126" x2="5712" y2="27126"/>
                        <a14:foregroundMark x1="6034" y1="42780" x2="6034" y2="42780"/>
                        <a14:foregroundMark x1="6677" y1="48448" x2="6677" y2="48448"/>
                        <a14:foregroundMark x1="6677" y1="56275" x2="6677" y2="56275"/>
                        <a14:foregroundMark x1="5712" y1="51822" x2="5712" y2="51822"/>
                        <a14:foregroundMark x1="5712" y1="50607" x2="5712" y2="50607"/>
                        <a14:foregroundMark x1="5712" y1="49528" x2="7321" y2="58570"/>
                      </a14:backgroundRemoval>
                    </a14:imgEffect>
                  </a14:imgLayer>
                </a14:imgProps>
              </a:ext>
            </a:extLst>
          </a:blip>
          <a:srcRect l="2003" t="1311" r="64622" b="19094"/>
          <a:stretch/>
        </p:blipFill>
        <p:spPr>
          <a:xfrm>
            <a:off x="19810955" y="8544499"/>
            <a:ext cx="2181142" cy="2713917"/>
          </a:xfrm>
          <a:prstGeom prst="rect">
            <a:avLst/>
          </a:prstGeom>
        </p:spPr>
      </p:pic>
    </p:spTree>
    <p:extLst>
      <p:ext uri="{BB962C8B-B14F-4D97-AF65-F5344CB8AC3E}">
        <p14:creationId xmlns:p14="http://schemas.microsoft.com/office/powerpoint/2010/main" val="3038520300"/>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1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5D8909B-5B13-02A5-2FB1-14C4C9F2A68E}"/>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2" name="TextBox 1">
            <a:extLst>
              <a:ext uri="{FF2B5EF4-FFF2-40B4-BE49-F238E27FC236}">
                <a16:creationId xmlns:a16="http://schemas.microsoft.com/office/drawing/2014/main" id="{AC716204-82A1-FE0F-0AAA-F76D8EFC5F7F}"/>
              </a:ext>
            </a:extLst>
          </p:cNvPr>
          <p:cNvSpPr txBox="1"/>
          <p:nvPr/>
        </p:nvSpPr>
        <p:spPr>
          <a:xfrm>
            <a:off x="50800" y="1676956"/>
            <a:ext cx="24384000" cy="17030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kumimoji="0" lang="en-AU" sz="9600" b="0" i="0" u="none" strike="noStrike" kern="1200" cap="none" spc="90" normalizeH="0" baseline="0">
                <a:ln>
                  <a:noFill/>
                </a:ln>
                <a:solidFill>
                  <a:srgbClr val="F7A81B"/>
                </a:solidFill>
                <a:effectLst/>
                <a:uFillTx/>
                <a:latin typeface="Frutiger LT Std 45 Light"/>
                <a:ea typeface="Helvetica Neue"/>
                <a:cs typeface="Helvetica Neue"/>
                <a:sym typeface="Helvetica Neue"/>
              </a:rPr>
              <a:t>For more information</a:t>
            </a:r>
            <a:endParaRPr kumimoji="0" lang="en-AU" sz="800" b="1" i="0" u="none" strike="noStrike" cap="none" spc="0" normalizeH="0" baseline="0">
              <a:ln>
                <a:noFill/>
              </a:ln>
              <a:solidFill>
                <a:srgbClr val="000000"/>
              </a:solidFill>
              <a:effectLst/>
              <a:uFillTx/>
              <a:latin typeface="Helvetica Neue"/>
              <a:ea typeface="Helvetica Neue"/>
              <a:cs typeface="Helvetica Neue"/>
              <a:sym typeface="Helvetica Neue"/>
            </a:endParaRPr>
          </a:p>
        </p:txBody>
      </p:sp>
      <p:sp>
        <p:nvSpPr>
          <p:cNvPr id="4" name="Content Placeholder 4">
            <a:extLst>
              <a:ext uri="{FF2B5EF4-FFF2-40B4-BE49-F238E27FC236}">
                <a16:creationId xmlns:a16="http://schemas.microsoft.com/office/drawing/2014/main" id="{A63AF814-7EB3-A553-EC5F-BFFC79442691}"/>
              </a:ext>
            </a:extLst>
          </p:cNvPr>
          <p:cNvSpPr txBox="1">
            <a:spLocks/>
          </p:cNvSpPr>
          <p:nvPr/>
        </p:nvSpPr>
        <p:spPr>
          <a:xfrm>
            <a:off x="2562225" y="4155784"/>
            <a:ext cx="19259550" cy="326635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gn="ctr">
              <a:lnSpc>
                <a:spcPct val="114000"/>
              </a:lnSpc>
              <a:spcBef>
                <a:spcPts val="0"/>
              </a:spcBef>
              <a:spcAft>
                <a:spcPts val="3000"/>
              </a:spcAft>
              <a:buNone/>
            </a:pPr>
            <a:r>
              <a:rPr lang="en-US" sz="5400" dirty="0">
                <a:solidFill>
                  <a:srgbClr val="58585A"/>
                </a:solidFill>
                <a:latin typeface="Arial" panose="02040604050505020304" pitchFamily="18" charset="0"/>
              </a:rPr>
              <a:t>For more information on the latest progress of the Regionalisation Pilot, visit </a:t>
            </a:r>
            <a:r>
              <a:rPr lang="en-US" sz="5400" dirty="0">
                <a:solidFill>
                  <a:srgbClr val="58585A"/>
                </a:solidFill>
                <a:latin typeface="Arial" panose="02040604050505020304" pitchFamily="18" charset="0"/>
                <a:hlinkClick r:id="rId3"/>
              </a:rPr>
              <a:t>CreatingTomorrowRotary.org</a:t>
            </a:r>
            <a:r>
              <a:rPr lang="en-US" sz="5400" dirty="0">
                <a:solidFill>
                  <a:srgbClr val="58585A"/>
                </a:solidFill>
                <a:latin typeface="Arial" panose="02040604050505020304" pitchFamily="18" charset="0"/>
              </a:rPr>
              <a:t>, and </a:t>
            </a:r>
            <a:r>
              <a:rPr lang="en-US" sz="5400" dirty="0">
                <a:solidFill>
                  <a:srgbClr val="58585A"/>
                </a:solidFill>
                <a:latin typeface="Arial" panose="02040604050505020304" pitchFamily="18" charset="0"/>
                <a:hlinkClick r:id="rId4"/>
              </a:rPr>
              <a:t>follow our new Facebook page</a:t>
            </a:r>
            <a:r>
              <a:rPr lang="en-US" sz="5400" dirty="0">
                <a:solidFill>
                  <a:srgbClr val="58585A"/>
                </a:solidFill>
                <a:latin typeface="Arial" panose="02040604050505020304" pitchFamily="18" charset="0"/>
              </a:rPr>
              <a:t>.</a:t>
            </a:r>
          </a:p>
          <a:p>
            <a:pPr marL="1809750" lvl="3" indent="-857250">
              <a:lnSpc>
                <a:spcPct val="114000"/>
              </a:lnSpc>
              <a:spcBef>
                <a:spcPts val="0"/>
              </a:spcBef>
              <a:spcAft>
                <a:spcPts val="3000"/>
              </a:spcAft>
              <a:buFont typeface="Arial" panose="020B0604020202020204" pitchFamily="34" charset="0"/>
              <a:buChar char="•"/>
            </a:pPr>
            <a:endParaRPr lang="en-US" sz="4400" dirty="0">
              <a:solidFill>
                <a:srgbClr val="58585A"/>
              </a:solidFill>
              <a:latin typeface="Arial" panose="02040604050505020304" pitchFamily="18" charset="0"/>
            </a:endParaRPr>
          </a:p>
          <a:p>
            <a:pPr marL="2867025" lvl="6" indent="-962025">
              <a:lnSpc>
                <a:spcPct val="114000"/>
              </a:lnSpc>
              <a:spcBef>
                <a:spcPts val="0"/>
              </a:spcBef>
              <a:spcAft>
                <a:spcPts val="3000"/>
              </a:spcAft>
              <a:buFont typeface="Symbol" panose="05050102010706020507" pitchFamily="18" charset="2"/>
              <a:buChar char="-"/>
            </a:pPr>
            <a:endParaRPr lang="en-US" sz="44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pic>
        <p:nvPicPr>
          <p:cNvPr id="6" name="Picture 5" descr="A screenshot of a computer&#10;&#10;Description automatically generated">
            <a:extLst>
              <a:ext uri="{FF2B5EF4-FFF2-40B4-BE49-F238E27FC236}">
                <a16:creationId xmlns:a16="http://schemas.microsoft.com/office/drawing/2014/main" id="{052F02C7-F493-0D80-2305-62BE19B3C401}"/>
              </a:ext>
            </a:extLst>
          </p:cNvPr>
          <p:cNvPicPr>
            <a:picLocks noChangeAspect="1"/>
          </p:cNvPicPr>
          <p:nvPr/>
        </p:nvPicPr>
        <p:blipFill rotWithShape="1">
          <a:blip r:embed="rId5">
            <a:extLst>
              <a:ext uri="{28A0092B-C50C-407E-A947-70E740481C1C}">
                <a14:useLocalDpi xmlns:a14="http://schemas.microsoft.com/office/drawing/2010/main" val="0"/>
              </a:ext>
            </a:extLst>
          </a:blip>
          <a:srcRect l="13062" t="18701" r="13576" b="12222"/>
          <a:stretch/>
        </p:blipFill>
        <p:spPr>
          <a:xfrm>
            <a:off x="6777181" y="7422138"/>
            <a:ext cx="10931238" cy="5789855"/>
          </a:xfrm>
          <a:prstGeom prst="rect">
            <a:avLst/>
          </a:prstGeom>
        </p:spPr>
      </p:pic>
    </p:spTree>
    <p:extLst>
      <p:ext uri="{BB962C8B-B14F-4D97-AF65-F5344CB8AC3E}">
        <p14:creationId xmlns:p14="http://schemas.microsoft.com/office/powerpoint/2010/main" val="151829735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2104850"/>
            <a:ext cx="22299931" cy="120321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a:solidFill>
                  <a:srgbClr val="F7A81B"/>
                </a:solidFill>
                <a:latin typeface="Frutiger LT Std 45 Light"/>
                <a:sym typeface="Frutiger LT Std 45 Light"/>
              </a:rPr>
              <a:t>Pilot operating model</a:t>
            </a:r>
            <a:endParaRPr sz="9600" b="0" kern="1200" spc="90">
              <a:solidFill>
                <a:srgbClr val="F7A81B"/>
              </a:solidFill>
              <a:latin typeface="Frutiger LT Std 45 Light"/>
              <a:sym typeface="Frutiger LT Std 45 Light"/>
            </a:endParaRPr>
          </a:p>
        </p:txBody>
      </p:sp>
      <p:pic>
        <p:nvPicPr>
          <p:cNvPr id="3" name="Picture 2" descr="A diagram of a group of people&#10;&#10;Description automatically generated">
            <a:extLst>
              <a:ext uri="{FF2B5EF4-FFF2-40B4-BE49-F238E27FC236}">
                <a16:creationId xmlns:a16="http://schemas.microsoft.com/office/drawing/2014/main" id="{549A99ED-216A-FBB0-2154-D11BC75454B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66417" y="3501635"/>
            <a:ext cx="10051163" cy="10051163"/>
          </a:xfrm>
          <a:prstGeom prst="rect">
            <a:avLst/>
          </a:prstGeom>
        </p:spPr>
      </p:pic>
    </p:spTree>
    <p:extLst>
      <p:ext uri="{BB962C8B-B14F-4D97-AF65-F5344CB8AC3E}">
        <p14:creationId xmlns:p14="http://schemas.microsoft.com/office/powerpoint/2010/main" val="1633230077"/>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a:extLst>
              <a:ext uri="{FF2B5EF4-FFF2-40B4-BE49-F238E27FC236}">
                <a16:creationId xmlns:a16="http://schemas.microsoft.com/office/drawing/2014/main" id="{76A6F957-91FC-4284-23D0-90FFB6989AB7}"/>
              </a:ext>
            </a:extLst>
          </p:cNvPr>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5" name="How can you learn more?">
            <a:extLst>
              <a:ext uri="{FF2B5EF4-FFF2-40B4-BE49-F238E27FC236}">
                <a16:creationId xmlns:a16="http://schemas.microsoft.com/office/drawing/2014/main" id="{CAFF1EDB-9403-7589-E102-A11705FC4D22}"/>
              </a:ext>
            </a:extLst>
          </p:cNvPr>
          <p:cNvSpPr txBox="1"/>
          <p:nvPr/>
        </p:nvSpPr>
        <p:spPr>
          <a:xfrm>
            <a:off x="-1" y="2104850"/>
            <a:ext cx="22299931" cy="120321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dirty="0">
                <a:solidFill>
                  <a:srgbClr val="F7A81B"/>
                </a:solidFill>
                <a:latin typeface="Frutiger LT Std 45 Light"/>
                <a:sym typeface="Frutiger LT Std 45 Light"/>
              </a:rPr>
              <a:t>Upcoming Pilot milestones</a:t>
            </a:r>
            <a:endParaRPr sz="9600" b="0" kern="1200" spc="90" dirty="0">
              <a:solidFill>
                <a:srgbClr val="F7A81B"/>
              </a:solidFill>
              <a:latin typeface="Frutiger LT Std 45 Light"/>
              <a:sym typeface="Frutiger LT Std 45 Light"/>
            </a:endParaRPr>
          </a:p>
        </p:txBody>
      </p:sp>
      <p:pic>
        <p:nvPicPr>
          <p:cNvPr id="6" name="Picture 5" descr="A diagram of a key pilac&#10;&#10;Description automatically generated">
            <a:extLst>
              <a:ext uri="{FF2B5EF4-FFF2-40B4-BE49-F238E27FC236}">
                <a16:creationId xmlns:a16="http://schemas.microsoft.com/office/drawing/2014/main" id="{7CC26F44-7E4E-C5D1-6545-8FBAFD375932}"/>
              </a:ext>
            </a:extLst>
          </p:cNvPr>
          <p:cNvPicPr>
            <a:picLocks noChangeAspect="1"/>
          </p:cNvPicPr>
          <p:nvPr/>
        </p:nvPicPr>
        <p:blipFill rotWithShape="1">
          <a:blip r:embed="rId3">
            <a:extLst>
              <a:ext uri="{28A0092B-C50C-407E-A947-70E740481C1C}">
                <a14:useLocalDpi xmlns:a14="http://schemas.microsoft.com/office/drawing/2010/main" val="0"/>
              </a:ext>
            </a:extLst>
          </a:blip>
          <a:srcRect l="5026" t="19711" r="5452" b="17346"/>
          <a:stretch/>
        </p:blipFill>
        <p:spPr>
          <a:xfrm>
            <a:off x="457702" y="5598328"/>
            <a:ext cx="23468595" cy="4455268"/>
          </a:xfrm>
          <a:prstGeom prst="rect">
            <a:avLst/>
          </a:prstGeom>
        </p:spPr>
      </p:pic>
    </p:spTree>
    <p:extLst>
      <p:ext uri="{BB962C8B-B14F-4D97-AF65-F5344CB8AC3E}">
        <p14:creationId xmlns:p14="http://schemas.microsoft.com/office/powerpoint/2010/main" val="8374552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 2">
            <a:extLst>
              <a:ext uri="{FF2B5EF4-FFF2-40B4-BE49-F238E27FC236}">
                <a16:creationId xmlns:a16="http://schemas.microsoft.com/office/drawing/2014/main" id="{76F914DF-35BA-75F0-982F-A2A6DDDF02D6}"/>
              </a:ext>
            </a:extLst>
          </p:cNvPr>
          <p:cNvGraphicFramePr/>
          <p:nvPr>
            <p:extLst>
              <p:ext uri="{D42A27DB-BD31-4B8C-83A1-F6EECF244321}">
                <p14:modId xmlns:p14="http://schemas.microsoft.com/office/powerpoint/2010/main" val="2859620060"/>
              </p:ext>
            </p:extLst>
          </p:nvPr>
        </p:nvGraphicFramePr>
        <p:xfrm>
          <a:off x="617004" y="5068508"/>
          <a:ext cx="22966010" cy="815839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cxnSp>
        <p:nvCxnSpPr>
          <p:cNvPr id="24" name="Straight Connector 23">
            <a:extLst>
              <a:ext uri="{FF2B5EF4-FFF2-40B4-BE49-F238E27FC236}">
                <a16:creationId xmlns:a16="http://schemas.microsoft.com/office/drawing/2014/main" id="{1889A0EF-4BCA-DD7E-62D0-BFCE874237E3}"/>
              </a:ext>
            </a:extLst>
          </p:cNvPr>
          <p:cNvCxnSpPr>
            <a:cxnSpLocks/>
          </p:cNvCxnSpPr>
          <p:nvPr/>
        </p:nvCxnSpPr>
        <p:spPr>
          <a:xfrm>
            <a:off x="20474469" y="7897178"/>
            <a:ext cx="0" cy="183152"/>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20" name="Straight Connector 19">
            <a:extLst>
              <a:ext uri="{FF2B5EF4-FFF2-40B4-BE49-F238E27FC236}">
                <a16:creationId xmlns:a16="http://schemas.microsoft.com/office/drawing/2014/main" id="{5990D528-F292-8644-35DA-47D1B5C833F5}"/>
              </a:ext>
            </a:extLst>
          </p:cNvPr>
          <p:cNvCxnSpPr>
            <a:cxnSpLocks/>
          </p:cNvCxnSpPr>
          <p:nvPr/>
        </p:nvCxnSpPr>
        <p:spPr>
          <a:xfrm>
            <a:off x="5780848" y="9610082"/>
            <a:ext cx="0" cy="467551"/>
          </a:xfrm>
          <a:prstGeom prst="line">
            <a:avLst/>
          </a:prstGeom>
          <a:noFill/>
          <a:ln w="25400" cap="flat">
            <a:solidFill>
              <a:srgbClr val="EA5F00"/>
            </a:solidFill>
            <a:prstDash val="solid"/>
            <a:miter lim="400000"/>
          </a:ln>
          <a:effectLst/>
          <a:sp3d/>
        </p:spPr>
        <p:style>
          <a:lnRef idx="0">
            <a:scrgbClr r="0" g="0" b="0"/>
          </a:lnRef>
          <a:fillRef idx="0">
            <a:scrgbClr r="0" g="0" b="0"/>
          </a:fillRef>
          <a:effectRef idx="0">
            <a:scrgbClr r="0" g="0" b="0"/>
          </a:effectRef>
          <a:fontRef idx="none"/>
        </p:style>
      </p:cxnSp>
      <p:cxnSp>
        <p:nvCxnSpPr>
          <p:cNvPr id="10" name="Straight Connector 9">
            <a:extLst>
              <a:ext uri="{FF2B5EF4-FFF2-40B4-BE49-F238E27FC236}">
                <a16:creationId xmlns:a16="http://schemas.microsoft.com/office/drawing/2014/main" id="{8770E4F2-41D4-0ECB-42F8-FB829F973B5B}"/>
              </a:ext>
            </a:extLst>
          </p:cNvPr>
          <p:cNvCxnSpPr/>
          <p:nvPr/>
        </p:nvCxnSpPr>
        <p:spPr>
          <a:xfrm flipV="1">
            <a:off x="10280079" y="4532299"/>
            <a:ext cx="0" cy="4000"/>
          </a:xfrm>
          <a:prstGeom prst="line">
            <a:avLst/>
          </a:prstGeom>
        </p:spPr>
        <p:style>
          <a:lnRef idx="1">
            <a:schemeClr val="accent2"/>
          </a:lnRef>
          <a:fillRef idx="0">
            <a:schemeClr val="accent2"/>
          </a:fillRef>
          <a:effectRef idx="0">
            <a:schemeClr val="accent2"/>
          </a:effectRef>
          <a:fontRef idx="minor">
            <a:schemeClr val="tx1"/>
          </a:fontRef>
        </p:style>
      </p:cxnSp>
      <p:sp>
        <p:nvSpPr>
          <p:cNvPr id="17" name="Rectangle">
            <a:extLst>
              <a:ext uri="{FF2B5EF4-FFF2-40B4-BE49-F238E27FC236}">
                <a16:creationId xmlns:a16="http://schemas.microsoft.com/office/drawing/2014/main" id="{5E38D53C-75AC-B1C8-4CD0-CA254DDF54F3}"/>
              </a:ext>
            </a:extLst>
          </p:cNvPr>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18" name="How can you learn more?">
            <a:extLst>
              <a:ext uri="{FF2B5EF4-FFF2-40B4-BE49-F238E27FC236}">
                <a16:creationId xmlns:a16="http://schemas.microsoft.com/office/drawing/2014/main" id="{468FF6F5-8A75-41AE-0BDF-B970FEB1D694}"/>
              </a:ext>
            </a:extLst>
          </p:cNvPr>
          <p:cNvSpPr txBox="1"/>
          <p:nvPr/>
        </p:nvSpPr>
        <p:spPr>
          <a:xfrm>
            <a:off x="-1" y="2104850"/>
            <a:ext cx="22299931" cy="1203215"/>
          </a:xfrm>
          <a:prstGeom prst="rect">
            <a:avLst/>
          </a:prstGeom>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a:solidFill>
                  <a:srgbClr val="F7A81B"/>
                </a:solidFill>
                <a:latin typeface="Frutiger LT Std 45 Light"/>
                <a:sym typeface="Frutiger LT Std 45 Light"/>
              </a:rPr>
              <a:t>Regional Council structure</a:t>
            </a:r>
            <a:endParaRPr sz="9600" b="0" kern="1200" spc="90">
              <a:solidFill>
                <a:srgbClr val="F7A81B"/>
              </a:solidFill>
              <a:latin typeface="Frutiger LT Std 45 Light"/>
              <a:sym typeface="Frutiger LT Std 45 Light"/>
            </a:endParaRPr>
          </a:p>
        </p:txBody>
      </p:sp>
      <p:sp>
        <p:nvSpPr>
          <p:cNvPr id="69" name="Rectangle: Rounded Corners 68">
            <a:extLst>
              <a:ext uri="{FF2B5EF4-FFF2-40B4-BE49-F238E27FC236}">
                <a16:creationId xmlns:a16="http://schemas.microsoft.com/office/drawing/2014/main" id="{B13F0366-F9F3-4A11-B1D4-4E10D1387CA4}"/>
              </a:ext>
            </a:extLst>
          </p:cNvPr>
          <p:cNvSpPr/>
          <p:nvPr/>
        </p:nvSpPr>
        <p:spPr>
          <a:xfrm>
            <a:off x="369016" y="3586399"/>
            <a:ext cx="23743313" cy="725474"/>
          </a:xfrm>
          <a:prstGeom prst="roundRect">
            <a:avLst/>
          </a:prstGeom>
          <a:solidFill>
            <a:srgbClr val="FAC360"/>
          </a:solidFill>
          <a:ln w="57150">
            <a:solidFill>
              <a:srgbClr val="F7A81B"/>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1828800" rtl="0" eaLnBrk="1" fontAlgn="auto" latinLnBrk="0" hangingPunct="1">
              <a:lnSpc>
                <a:spcPct val="100000"/>
              </a:lnSpc>
              <a:spcBef>
                <a:spcPts val="0"/>
              </a:spcBef>
              <a:spcAft>
                <a:spcPts val="0"/>
              </a:spcAft>
              <a:buClrTx/>
              <a:buSzTx/>
              <a:buFontTx/>
              <a:buNone/>
              <a:tabLst/>
              <a:defRPr/>
            </a:pPr>
            <a:r>
              <a:rPr kumimoji="0" lang="en-AU" sz="3200" i="0" u="none" strike="noStrike" kern="1200" cap="none" spc="0" normalizeH="0" baseline="0" noProof="0" dirty="0">
                <a:ln>
                  <a:noFill/>
                </a:ln>
                <a:solidFill>
                  <a:srgbClr val="000000"/>
                </a:solidFill>
                <a:effectLst/>
                <a:uLnTx/>
                <a:uFillTx/>
                <a:latin typeface="Avenir Next LT Pro"/>
                <a:ea typeface="+mn-ea"/>
                <a:cs typeface="+mn-cs"/>
                <a:sym typeface="Helvetica Neue"/>
              </a:rPr>
              <a:t>Rotary International (and The Rotary Foundation)</a:t>
            </a:r>
          </a:p>
        </p:txBody>
      </p:sp>
      <p:cxnSp>
        <p:nvCxnSpPr>
          <p:cNvPr id="71" name="Straight Connector 70">
            <a:extLst>
              <a:ext uri="{FF2B5EF4-FFF2-40B4-BE49-F238E27FC236}">
                <a16:creationId xmlns:a16="http://schemas.microsoft.com/office/drawing/2014/main" id="{E1E712DF-EF66-74B4-C57F-B4C6671EDF76}"/>
              </a:ext>
            </a:extLst>
          </p:cNvPr>
          <p:cNvCxnSpPr/>
          <p:nvPr/>
        </p:nvCxnSpPr>
        <p:spPr>
          <a:xfrm flipV="1">
            <a:off x="10280079" y="4532299"/>
            <a:ext cx="0" cy="4000"/>
          </a:xfrm>
          <a:prstGeom prst="line">
            <a:avLst/>
          </a:prstGeom>
        </p:spPr>
        <p:style>
          <a:lnRef idx="1">
            <a:schemeClr val="accent2"/>
          </a:lnRef>
          <a:fillRef idx="0">
            <a:schemeClr val="accent2"/>
          </a:fillRef>
          <a:effectRef idx="0">
            <a:schemeClr val="accent2"/>
          </a:effectRef>
          <a:fontRef idx="minor">
            <a:schemeClr val="tx1"/>
          </a:fontRef>
        </p:style>
      </p:cxnSp>
      <p:sp>
        <p:nvSpPr>
          <p:cNvPr id="4" name="Arrow: Up-Down 3">
            <a:extLst>
              <a:ext uri="{FF2B5EF4-FFF2-40B4-BE49-F238E27FC236}">
                <a16:creationId xmlns:a16="http://schemas.microsoft.com/office/drawing/2014/main" id="{E863804F-D5A0-77AB-5A4D-82AA7CA6EE45}"/>
              </a:ext>
            </a:extLst>
          </p:cNvPr>
          <p:cNvSpPr/>
          <p:nvPr/>
        </p:nvSpPr>
        <p:spPr>
          <a:xfrm>
            <a:off x="10681790" y="4383029"/>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5" name="Arrow: Up-Down 4">
            <a:extLst>
              <a:ext uri="{FF2B5EF4-FFF2-40B4-BE49-F238E27FC236}">
                <a16:creationId xmlns:a16="http://schemas.microsoft.com/office/drawing/2014/main" id="{6AE674E0-27B8-6185-4EDF-5356047EFCF2}"/>
              </a:ext>
            </a:extLst>
          </p:cNvPr>
          <p:cNvSpPr/>
          <p:nvPr/>
        </p:nvSpPr>
        <p:spPr>
          <a:xfrm>
            <a:off x="14784521" y="4365730"/>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7" name="Arrow: Up-Down 6">
            <a:extLst>
              <a:ext uri="{FF2B5EF4-FFF2-40B4-BE49-F238E27FC236}">
                <a16:creationId xmlns:a16="http://schemas.microsoft.com/office/drawing/2014/main" id="{65C265B0-6092-6498-D689-8006C8B6C306}"/>
              </a:ext>
            </a:extLst>
          </p:cNvPr>
          <p:cNvSpPr/>
          <p:nvPr/>
        </p:nvSpPr>
        <p:spPr>
          <a:xfrm>
            <a:off x="22356086" y="4365730"/>
            <a:ext cx="336240" cy="571079"/>
          </a:xfrm>
          <a:prstGeom prst="upDownArrow">
            <a:avLst/>
          </a:prstGeom>
          <a:noFill/>
          <a:ln>
            <a:solidFill>
              <a:srgbClr val="58585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cxnSp>
        <p:nvCxnSpPr>
          <p:cNvPr id="8" name="Straight Arrow Connector 7">
            <a:extLst>
              <a:ext uri="{FF2B5EF4-FFF2-40B4-BE49-F238E27FC236}">
                <a16:creationId xmlns:a16="http://schemas.microsoft.com/office/drawing/2014/main" id="{2E3F725D-4ABC-1223-5891-CC4CFA4D36FA}"/>
              </a:ext>
            </a:extLst>
          </p:cNvPr>
          <p:cNvCxnSpPr>
            <a:cxnSpLocks/>
          </p:cNvCxnSpPr>
          <p:nvPr/>
        </p:nvCxnSpPr>
        <p:spPr>
          <a:xfrm>
            <a:off x="12191999" y="5626998"/>
            <a:ext cx="1311415" cy="0"/>
          </a:xfrm>
          <a:prstGeom prst="straightConnector1">
            <a:avLst/>
          </a:prstGeom>
          <a:ln w="9525" cap="flat" cmpd="sng" algn="ctr">
            <a:solidFill>
              <a:srgbClr val="F7A81B"/>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cxnSp>
        <p:nvCxnSpPr>
          <p:cNvPr id="9" name="Straight Arrow Connector 8">
            <a:extLst>
              <a:ext uri="{FF2B5EF4-FFF2-40B4-BE49-F238E27FC236}">
                <a16:creationId xmlns:a16="http://schemas.microsoft.com/office/drawing/2014/main" id="{3847A342-6124-FE41-432C-003DCF10D248}"/>
              </a:ext>
            </a:extLst>
          </p:cNvPr>
          <p:cNvCxnSpPr>
            <a:cxnSpLocks/>
          </p:cNvCxnSpPr>
          <p:nvPr/>
        </p:nvCxnSpPr>
        <p:spPr>
          <a:xfrm>
            <a:off x="16123787" y="5628448"/>
            <a:ext cx="5086317" cy="0"/>
          </a:xfrm>
          <a:prstGeom prst="straightConnector1">
            <a:avLst/>
          </a:prstGeom>
          <a:ln w="9525" cap="flat" cmpd="sng" algn="ctr">
            <a:solidFill>
              <a:srgbClr val="F7A81B"/>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sp>
        <p:nvSpPr>
          <p:cNvPr id="42" name="Rectangle: Rounded Corners 41">
            <a:extLst>
              <a:ext uri="{FF2B5EF4-FFF2-40B4-BE49-F238E27FC236}">
                <a16:creationId xmlns:a16="http://schemas.microsoft.com/office/drawing/2014/main" id="{CC292871-222E-B35A-D28C-10A1A4873B92}"/>
              </a:ext>
            </a:extLst>
          </p:cNvPr>
          <p:cNvSpPr/>
          <p:nvPr/>
        </p:nvSpPr>
        <p:spPr>
          <a:xfrm>
            <a:off x="369016" y="4509287"/>
            <a:ext cx="3913576" cy="3405188"/>
          </a:xfrm>
          <a:prstGeom prst="roundRect">
            <a:avLst/>
          </a:prstGeom>
          <a:solidFill>
            <a:schemeClr val="bg1"/>
          </a:solidFill>
          <a:ln w="12700" cap="flat">
            <a:solidFill>
              <a:srgbClr val="92D050"/>
            </a:solid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lvl="0" indent="0" algn="l" defTabSz="825500" rtl="0" eaLnBrk="1" fontAlgn="auto" latinLnBrk="0" hangingPunct="0">
              <a:lnSpc>
                <a:spcPct val="100000"/>
              </a:lnSpc>
              <a:spcBef>
                <a:spcPts val="0"/>
              </a:spcBef>
              <a:spcAft>
                <a:spcPts val="0"/>
              </a:spcAft>
              <a:buClrTx/>
              <a:buSzTx/>
              <a:buFontTx/>
              <a:buNone/>
              <a:tabLst/>
              <a:defRPr/>
            </a:pPr>
            <a:r>
              <a:rPr lang="en-NZ" sz="2000" dirty="0"/>
              <a:t>*</a:t>
            </a:r>
            <a:r>
              <a:rPr kumimoji="0" lang="en-NZ" sz="2000" b="1" i="0" u="none" strike="noStrike" kern="0" cap="none" spc="0" normalizeH="0" baseline="0" noProof="0" dirty="0">
                <a:ln>
                  <a:noFill/>
                </a:ln>
                <a:solidFill>
                  <a:srgbClr val="000000"/>
                </a:solidFill>
                <a:effectLst/>
                <a:uLnTx/>
                <a:uFillTx/>
                <a:latin typeface="Helvetica Neue"/>
                <a:sym typeface="Helvetica Neue"/>
              </a:rPr>
              <a:t>Portfolio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Service Projects and Program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Public </a:t>
            </a:r>
            <a:r>
              <a:rPr lang="en-NZ" sz="2000" b="0" dirty="0"/>
              <a:t>I</a:t>
            </a:r>
            <a:r>
              <a:rPr kumimoji="0" lang="en-NZ" sz="2000" b="0" i="0" u="none" strike="noStrike" kern="0" cap="none" spc="0" normalizeH="0" baseline="0" noProof="0" dirty="0">
                <a:ln>
                  <a:noFill/>
                </a:ln>
                <a:solidFill>
                  <a:srgbClr val="000000"/>
                </a:solidFill>
                <a:effectLst/>
                <a:uLnTx/>
                <a:uFillTx/>
                <a:latin typeface="Helvetica Neue"/>
                <a:sym typeface="Helvetica Neue"/>
              </a:rPr>
              <a:t>mage and Partnership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Membership</a:t>
            </a:r>
            <a:endParaRPr kumimoji="0" lang="en-NZ" sz="2000" b="0" i="0" u="none" strike="noStrike" kern="0" cap="none" spc="0" normalizeH="0" baseline="0" dirty="0">
              <a:ln>
                <a:noFill/>
              </a:ln>
              <a:solidFill>
                <a:srgbClr val="000000"/>
              </a:solidFill>
              <a:effectLst/>
              <a:uLnTx/>
              <a:uFillTx/>
              <a:latin typeface="Helvetica Neue"/>
              <a:sym typeface="Helvetica Neue"/>
            </a:endParaRP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Learning and Development</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Fundraising and Grants</a:t>
            </a:r>
          </a:p>
          <a:p>
            <a:pPr marL="342900" marR="0" lvl="0" indent="-342900" algn="l" defTabSz="825500" rtl="0" eaLnBrk="1" fontAlgn="auto" latinLnBrk="0" hangingPunct="0">
              <a:lnSpc>
                <a:spcPct val="100000"/>
              </a:lnSpc>
              <a:spcBef>
                <a:spcPts val="0"/>
              </a:spcBef>
              <a:spcAft>
                <a:spcPts val="0"/>
              </a:spcAft>
              <a:buClrTx/>
              <a:buSzTx/>
              <a:buFontTx/>
              <a:buChar char="-"/>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Diversity, Equity and Inclusion</a:t>
            </a:r>
          </a:p>
        </p:txBody>
      </p:sp>
      <p:cxnSp>
        <p:nvCxnSpPr>
          <p:cNvPr id="50" name="Straight Connector 49">
            <a:extLst>
              <a:ext uri="{FF2B5EF4-FFF2-40B4-BE49-F238E27FC236}">
                <a16:creationId xmlns:a16="http://schemas.microsoft.com/office/drawing/2014/main" id="{4B8F13AB-1CB1-98F9-CE22-B7B28D5BABFA}"/>
              </a:ext>
            </a:extLst>
          </p:cNvPr>
          <p:cNvCxnSpPr>
            <a:cxnSpLocks/>
          </p:cNvCxnSpPr>
          <p:nvPr/>
        </p:nvCxnSpPr>
        <p:spPr>
          <a:xfrm>
            <a:off x="17065522" y="7909535"/>
            <a:ext cx="0" cy="18326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51" name="Straight Connector 50">
            <a:extLst>
              <a:ext uri="{FF2B5EF4-FFF2-40B4-BE49-F238E27FC236}">
                <a16:creationId xmlns:a16="http://schemas.microsoft.com/office/drawing/2014/main" id="{03C0107A-B491-7411-6FCE-8B4EE7253EF5}"/>
              </a:ext>
            </a:extLst>
          </p:cNvPr>
          <p:cNvCxnSpPr>
            <a:cxnSpLocks/>
          </p:cNvCxnSpPr>
          <p:nvPr/>
        </p:nvCxnSpPr>
        <p:spPr>
          <a:xfrm>
            <a:off x="11346442" y="7921892"/>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58" name="Straight Connector 57">
            <a:extLst>
              <a:ext uri="{FF2B5EF4-FFF2-40B4-BE49-F238E27FC236}">
                <a16:creationId xmlns:a16="http://schemas.microsoft.com/office/drawing/2014/main" id="{2A319BD9-DECD-4B78-2E8A-237E1590F3C1}"/>
              </a:ext>
            </a:extLst>
          </p:cNvPr>
          <p:cNvCxnSpPr>
            <a:cxnSpLocks/>
          </p:cNvCxnSpPr>
          <p:nvPr/>
        </p:nvCxnSpPr>
        <p:spPr>
          <a:xfrm>
            <a:off x="5754020" y="7897178"/>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60" name="Straight Connector 59">
            <a:extLst>
              <a:ext uri="{FF2B5EF4-FFF2-40B4-BE49-F238E27FC236}">
                <a16:creationId xmlns:a16="http://schemas.microsoft.com/office/drawing/2014/main" id="{D7600593-D328-EBD8-F464-51B2DA53B8AC}"/>
              </a:ext>
            </a:extLst>
          </p:cNvPr>
          <p:cNvCxnSpPr>
            <a:cxnSpLocks/>
          </p:cNvCxnSpPr>
          <p:nvPr/>
        </p:nvCxnSpPr>
        <p:spPr>
          <a:xfrm>
            <a:off x="11346442" y="7897178"/>
            <a:ext cx="0" cy="226439"/>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61" name="Straight Connector 60">
            <a:extLst>
              <a:ext uri="{FF2B5EF4-FFF2-40B4-BE49-F238E27FC236}">
                <a16:creationId xmlns:a16="http://schemas.microsoft.com/office/drawing/2014/main" id="{C4286E81-26D0-4872-DE9F-A42C72647BEB}"/>
              </a:ext>
            </a:extLst>
          </p:cNvPr>
          <p:cNvCxnSpPr>
            <a:cxnSpLocks/>
          </p:cNvCxnSpPr>
          <p:nvPr/>
        </p:nvCxnSpPr>
        <p:spPr>
          <a:xfrm>
            <a:off x="4053191" y="8880511"/>
            <a:ext cx="512324" cy="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78" name="Straight Connector 77">
            <a:extLst>
              <a:ext uri="{FF2B5EF4-FFF2-40B4-BE49-F238E27FC236}">
                <a16:creationId xmlns:a16="http://schemas.microsoft.com/office/drawing/2014/main" id="{7EE5EB78-E16A-B34D-5384-A92FBF37B3C7}"/>
              </a:ext>
            </a:extLst>
          </p:cNvPr>
          <p:cNvCxnSpPr>
            <a:cxnSpLocks/>
          </p:cNvCxnSpPr>
          <p:nvPr/>
        </p:nvCxnSpPr>
        <p:spPr>
          <a:xfrm>
            <a:off x="6838544" y="8818902"/>
            <a:ext cx="512324" cy="0"/>
          </a:xfrm>
          <a:prstGeom prst="line">
            <a:avLst/>
          </a:prstGeom>
          <a:noFill/>
          <a:ln w="25400" cap="flat">
            <a:solidFill>
              <a:srgbClr val="0070C0"/>
            </a:solidFill>
            <a:prstDash val="solid"/>
            <a:miter lim="400000"/>
          </a:ln>
          <a:effectLst/>
          <a:sp3d/>
        </p:spPr>
        <p:style>
          <a:lnRef idx="0">
            <a:scrgbClr r="0" g="0" b="0"/>
          </a:lnRef>
          <a:fillRef idx="0">
            <a:scrgbClr r="0" g="0" b="0"/>
          </a:fillRef>
          <a:effectRef idx="0">
            <a:scrgbClr r="0" g="0" b="0"/>
          </a:effectRef>
          <a:fontRef idx="none"/>
        </p:style>
      </p:cxnSp>
      <p:cxnSp>
        <p:nvCxnSpPr>
          <p:cNvPr id="11" name="Straight Connector 10">
            <a:extLst>
              <a:ext uri="{FF2B5EF4-FFF2-40B4-BE49-F238E27FC236}">
                <a16:creationId xmlns:a16="http://schemas.microsoft.com/office/drawing/2014/main" id="{73B44BDE-5654-D844-4981-491125A7FA38}"/>
              </a:ext>
            </a:extLst>
          </p:cNvPr>
          <p:cNvCxnSpPr>
            <a:cxnSpLocks/>
          </p:cNvCxnSpPr>
          <p:nvPr/>
        </p:nvCxnSpPr>
        <p:spPr>
          <a:xfrm>
            <a:off x="17148313" y="6513413"/>
            <a:ext cx="3505081" cy="0"/>
          </a:xfrm>
          <a:prstGeom prst="line">
            <a:avLst/>
          </a:prstGeom>
          <a:noFill/>
          <a:ln w="76200" cap="flat">
            <a:solidFill>
              <a:schemeClr val="bg1"/>
            </a:solidFill>
            <a:prstDash val="dash"/>
            <a:miter lim="400000"/>
          </a:ln>
          <a:effectLst/>
          <a:sp3d/>
        </p:spPr>
        <p:style>
          <a:lnRef idx="0">
            <a:scrgbClr r="0" g="0" b="0"/>
          </a:lnRef>
          <a:fillRef idx="0">
            <a:scrgbClr r="0" g="0" b="0"/>
          </a:fillRef>
          <a:effectRef idx="0">
            <a:scrgbClr r="0" g="0" b="0"/>
          </a:effectRef>
          <a:fontRef idx="none"/>
        </p:style>
      </p:cxnSp>
      <p:cxnSp>
        <p:nvCxnSpPr>
          <p:cNvPr id="12" name="Straight Connector 11">
            <a:extLst>
              <a:ext uri="{FF2B5EF4-FFF2-40B4-BE49-F238E27FC236}">
                <a16:creationId xmlns:a16="http://schemas.microsoft.com/office/drawing/2014/main" id="{3E62AEF9-69D1-681A-781E-09758385C0E4}"/>
              </a:ext>
            </a:extLst>
          </p:cNvPr>
          <p:cNvCxnSpPr>
            <a:cxnSpLocks/>
          </p:cNvCxnSpPr>
          <p:nvPr/>
        </p:nvCxnSpPr>
        <p:spPr>
          <a:xfrm>
            <a:off x="12475248" y="8880511"/>
            <a:ext cx="372458" cy="0"/>
          </a:xfrm>
          <a:prstGeom prst="line">
            <a:avLst/>
          </a:prstGeom>
          <a:noFill/>
          <a:ln w="25400" cap="flat">
            <a:solidFill>
              <a:srgbClr val="EA5F00"/>
            </a:solidFill>
            <a:prstDash val="solid"/>
            <a:miter lim="400000"/>
          </a:ln>
          <a:effectLst/>
          <a:sp3d/>
        </p:spPr>
        <p:style>
          <a:lnRef idx="0">
            <a:scrgbClr r="0" g="0" b="0"/>
          </a:lnRef>
          <a:fillRef idx="0">
            <a:scrgbClr r="0" g="0" b="0"/>
          </a:fillRef>
          <a:effectRef idx="0">
            <a:scrgbClr r="0" g="0" b="0"/>
          </a:effectRef>
          <a:fontRef idx="none"/>
        </p:style>
      </p:cxnSp>
      <p:sp>
        <p:nvSpPr>
          <p:cNvPr id="40" name="Arrow: Down 39">
            <a:extLst>
              <a:ext uri="{FF2B5EF4-FFF2-40B4-BE49-F238E27FC236}">
                <a16:creationId xmlns:a16="http://schemas.microsoft.com/office/drawing/2014/main" id="{726C73DA-29AC-DAE5-4E2D-B42DF5C19B47}"/>
              </a:ext>
            </a:extLst>
          </p:cNvPr>
          <p:cNvSpPr/>
          <p:nvPr/>
        </p:nvSpPr>
        <p:spPr>
          <a:xfrm rot="10800000">
            <a:off x="5563004" y="11316645"/>
            <a:ext cx="435688" cy="1202019"/>
          </a:xfrm>
          <a:prstGeom prst="downArrow">
            <a:avLst/>
          </a:prstGeom>
          <a:solidFill>
            <a:srgbClr val="FF9D5B"/>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41" name="Rectangle: Rounded Corners 40">
            <a:extLst>
              <a:ext uri="{FF2B5EF4-FFF2-40B4-BE49-F238E27FC236}">
                <a16:creationId xmlns:a16="http://schemas.microsoft.com/office/drawing/2014/main" id="{30FA30D8-4010-0E30-AA5D-4F496E38ADB2}"/>
              </a:ext>
            </a:extLst>
          </p:cNvPr>
          <p:cNvSpPr/>
          <p:nvPr/>
        </p:nvSpPr>
        <p:spPr>
          <a:xfrm>
            <a:off x="369014" y="12524292"/>
            <a:ext cx="23743313" cy="674868"/>
          </a:xfrm>
          <a:prstGeom prst="roundRect">
            <a:avLst/>
          </a:prstGeom>
          <a:solidFill>
            <a:srgbClr val="FAC360"/>
          </a:solidFill>
          <a:ln w="57150">
            <a:solidFill>
              <a:srgbClr val="F7A81B"/>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1828800" rtl="0" eaLnBrk="1" fontAlgn="auto" latinLnBrk="0" hangingPunct="1">
              <a:lnSpc>
                <a:spcPct val="100000"/>
              </a:lnSpc>
              <a:spcBef>
                <a:spcPts val="0"/>
              </a:spcBef>
              <a:spcAft>
                <a:spcPts val="0"/>
              </a:spcAft>
              <a:buClrTx/>
              <a:buSzTx/>
              <a:buFontTx/>
              <a:buNone/>
              <a:tabLst/>
              <a:defRPr/>
            </a:pPr>
            <a:r>
              <a:rPr lang="en-US" sz="3200" kern="1200" dirty="0">
                <a:solidFill>
                  <a:srgbClr val="000000"/>
                </a:solidFill>
                <a:latin typeface="Avenir Next LT Pro"/>
              </a:rPr>
              <a:t>Cl</a:t>
            </a:r>
            <a:r>
              <a:rPr lang="en-AU" sz="3200" kern="1200" dirty="0">
                <a:solidFill>
                  <a:srgbClr val="000000"/>
                </a:solidFill>
                <a:latin typeface="Avenir Next LT Pro"/>
              </a:rPr>
              <a:t>ub leaders and members requiring support go to…</a:t>
            </a:r>
            <a:endParaRPr kumimoji="0" lang="en-AU" sz="3200" i="0" u="none" strike="noStrike" kern="1200" cap="none" spc="0" normalizeH="0" baseline="0" noProof="0" dirty="0">
              <a:ln>
                <a:noFill/>
              </a:ln>
              <a:solidFill>
                <a:srgbClr val="000000"/>
              </a:solidFill>
              <a:effectLst/>
              <a:uLnTx/>
              <a:uFillTx/>
              <a:latin typeface="Avenir Next LT Pro"/>
              <a:ea typeface="+mn-ea"/>
              <a:cs typeface="+mn-cs"/>
              <a:sym typeface="Helvetica Neue"/>
            </a:endParaRPr>
          </a:p>
        </p:txBody>
      </p:sp>
      <p:sp>
        <p:nvSpPr>
          <p:cNvPr id="44" name="Arrow: Down 43">
            <a:extLst>
              <a:ext uri="{FF2B5EF4-FFF2-40B4-BE49-F238E27FC236}">
                <a16:creationId xmlns:a16="http://schemas.microsoft.com/office/drawing/2014/main" id="{8B01B22F-BD23-4603-F661-644DC7EFCAE2}"/>
              </a:ext>
            </a:extLst>
          </p:cNvPr>
          <p:cNvSpPr/>
          <p:nvPr/>
        </p:nvSpPr>
        <p:spPr>
          <a:xfrm rot="10800000">
            <a:off x="16847677" y="9790427"/>
            <a:ext cx="435689" cy="2716396"/>
          </a:xfrm>
          <a:prstGeom prst="downArrow">
            <a:avLst/>
          </a:prstGeom>
          <a:solidFill>
            <a:srgbClr val="FF9D5B"/>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45" name="Arrow: Down 44">
            <a:extLst>
              <a:ext uri="{FF2B5EF4-FFF2-40B4-BE49-F238E27FC236}">
                <a16:creationId xmlns:a16="http://schemas.microsoft.com/office/drawing/2014/main" id="{CF7A1657-0E1E-49E7-6010-4B2E692543C7}"/>
              </a:ext>
            </a:extLst>
          </p:cNvPr>
          <p:cNvSpPr/>
          <p:nvPr/>
        </p:nvSpPr>
        <p:spPr>
          <a:xfrm rot="10800000">
            <a:off x="13829044" y="9802268"/>
            <a:ext cx="435689" cy="2716396"/>
          </a:xfrm>
          <a:prstGeom prst="downArrow">
            <a:avLst/>
          </a:prstGeom>
          <a:solidFill>
            <a:srgbClr val="FF9D5B"/>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47" name="Arrow: Down 46">
            <a:extLst>
              <a:ext uri="{FF2B5EF4-FFF2-40B4-BE49-F238E27FC236}">
                <a16:creationId xmlns:a16="http://schemas.microsoft.com/office/drawing/2014/main" id="{AD5A42A2-881B-3A89-D12D-5A6B8A079D82}"/>
              </a:ext>
            </a:extLst>
          </p:cNvPr>
          <p:cNvSpPr/>
          <p:nvPr/>
        </p:nvSpPr>
        <p:spPr>
          <a:xfrm rot="10800000">
            <a:off x="11128597" y="9777157"/>
            <a:ext cx="435689" cy="2716396"/>
          </a:xfrm>
          <a:prstGeom prst="downArrow">
            <a:avLst/>
          </a:prstGeom>
          <a:solidFill>
            <a:srgbClr val="FF9D5B"/>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49" name="Arrow: Down 48">
            <a:extLst>
              <a:ext uri="{FF2B5EF4-FFF2-40B4-BE49-F238E27FC236}">
                <a16:creationId xmlns:a16="http://schemas.microsoft.com/office/drawing/2014/main" id="{E3A8AA63-93EC-C177-BE7C-E3015A5E8D61}"/>
              </a:ext>
            </a:extLst>
          </p:cNvPr>
          <p:cNvSpPr/>
          <p:nvPr/>
        </p:nvSpPr>
        <p:spPr>
          <a:xfrm rot="10800000">
            <a:off x="22892139" y="6513413"/>
            <a:ext cx="435691" cy="6027345"/>
          </a:xfrm>
          <a:prstGeom prst="downArrow">
            <a:avLst/>
          </a:prstGeom>
          <a:solidFill>
            <a:srgbClr val="FF9D5B"/>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Tree>
    <p:extLst>
      <p:ext uri="{BB962C8B-B14F-4D97-AF65-F5344CB8AC3E}">
        <p14:creationId xmlns:p14="http://schemas.microsoft.com/office/powerpoint/2010/main" val="67345219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4035A2F-4EA9-A9A0-4DEB-7611CBB587A7}"/>
              </a:ext>
            </a:extLst>
          </p:cNvPr>
          <p:cNvSpPr/>
          <p:nvPr/>
        </p:nvSpPr>
        <p:spPr>
          <a:xfrm>
            <a:off x="0" y="-1443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p14="http://schemas.microsoft.com/office/powerpoint/2010/main" xmlns:a16="http://schemas.microsoft.com/office/drawing/2014/main\" xmlns="" id="9C8C2A7E-72DC-459F-B056-AEFD234142F6"/>
              </a:ext>
            </a:extLst>
          </p:cNvPr>
          <p:cNvSpPr txBox="1"/>
          <p:nvPr>
            <p:custDataLst>
              <p:tags r:id="rId4"/>
            </p:custDataLst>
          </p:nvPr>
        </p:nvSpPr>
        <p:spPr>
          <a:xfrm>
            <a:off x="4891819" y="2116727"/>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54" name="OTLSHAPE_G_00000000000000000000000000000000_ShapeBelow0" hidden="1"/>
          <p:cNvCxnSpPr/>
          <p:nvPr>
            <p:custDataLst>
              <p:tags r:id="rId15"/>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6"/>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7"/>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8"/>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19"/>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p14="http://schemas.microsoft.com/office/powerpoint/2010/main" xmlns:a16="http://schemas.microsoft.com/office/drawing/2014/main\" xmlns="" id="B5381979-7A39-438F-A434-F7E08C72B494"/>
              </a:ext>
            </a:extLst>
          </p:cNvPr>
          <p:cNvSpPr txBox="1"/>
          <p:nvPr>
            <p:custDataLst>
              <p:tags r:id="rId20"/>
            </p:custDataLst>
          </p:nvPr>
        </p:nvSpPr>
        <p:spPr>
          <a:xfrm>
            <a:off x="1879600" y="3170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1"/>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p14="http://schemas.microsoft.com/office/powerpoint/2010/main" xmlns:a16="http://schemas.microsoft.com/office/drawing/2014/main\" xmlns="" id="5B1FBAA1-06BB-428C-9EEC-2C6C6EE65929"/>
              </a:ext>
            </a:extLst>
          </p:cNvPr>
          <p:cNvSpPr txBox="1"/>
          <p:nvPr>
            <p:custDataLst>
              <p:tags r:id="rId22"/>
            </p:custDataLst>
          </p:nvPr>
        </p:nvSpPr>
        <p:spPr>
          <a:xfrm>
            <a:off x="2794000" y="2306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3"/>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p14="http://schemas.microsoft.com/office/powerpoint/2010/main" xmlns:a16="http://schemas.microsoft.com/office/drawing/2014/main\" xmlns="" id="1FFFC600-A54D-4C4D-A614-91E5626D0531"/>
              </a:ext>
            </a:extLst>
          </p:cNvPr>
          <p:cNvSpPr txBox="1"/>
          <p:nvPr>
            <p:custDataLst>
              <p:tags r:id="rId24"/>
            </p:custDataLst>
          </p:nvPr>
        </p:nvSpPr>
        <p:spPr>
          <a:xfrm>
            <a:off x="3505200" y="3138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p14="http://schemas.microsoft.com/office/powerpoint/2010/main" xmlns:a16="http://schemas.microsoft.com/office/drawing/2014/main\" xmlns="" id="756BF9C4-435D-4451-B235-F958FF8131CF"/>
              </a:ext>
            </a:extLst>
          </p:cNvPr>
          <p:cNvSpPr txBox="1"/>
          <p:nvPr>
            <p:custDataLst>
              <p:tags r:id="rId25"/>
            </p:custDataLst>
          </p:nvPr>
        </p:nvSpPr>
        <p:spPr>
          <a:xfrm>
            <a:off x="3505200" y="34175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p14="http://schemas.microsoft.com/office/powerpoint/2010/main" xmlns:a16="http://schemas.microsoft.com/office/drawing/2014/main\" xmlns="" id="003090A3-0FA4-43E4-8083-38BC39F70C7F"/>
              </a:ext>
            </a:extLst>
          </p:cNvPr>
          <p:cNvSpPr txBox="1"/>
          <p:nvPr>
            <p:custDataLst>
              <p:tags r:id="rId26"/>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p14="http://schemas.microsoft.com/office/powerpoint/2010/main" xmlns:a16="http://schemas.microsoft.com/office/drawing/2014/main\" xmlns="" id="AF54539B-51D3-47E2-A0AB-C2E9C1088529"/>
              </a:ext>
            </a:extLst>
          </p:cNvPr>
          <p:cNvSpPr txBox="1"/>
          <p:nvPr>
            <p:custDataLst>
              <p:tags r:id="rId27"/>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p14="http://schemas.microsoft.com/office/powerpoint/2010/main" xmlns:a16="http://schemas.microsoft.com/office/drawing/2014/main\" xmlns="" id="46A309DE-6C33-4DCB-BC51-12AF775CFEA7"/>
              </a:ext>
            </a:extLst>
          </p:cNvPr>
          <p:cNvSpPr txBox="1"/>
          <p:nvPr>
            <p:custDataLst>
              <p:tags r:id="rId28"/>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29"/>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p14="http://schemas.microsoft.com/office/powerpoint/2010/main" xmlns:a16="http://schemas.microsoft.com/office/drawing/2014/main\" xmlns="" id="822BEE3C-F288-49A0-AF39-D06BD9D14A12"/>
              </a:ext>
            </a:extLst>
          </p:cNvPr>
          <p:cNvSpPr txBox="1"/>
          <p:nvPr>
            <p:custDataLst>
              <p:tags r:id="rId30"/>
            </p:custDataLst>
          </p:nvPr>
        </p:nvSpPr>
        <p:spPr>
          <a:xfrm>
            <a:off x="4902200" y="36715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p14="http://schemas.microsoft.com/office/powerpoint/2010/main" xmlns:a16="http://schemas.microsoft.com/office/drawing/2014/main\" xmlns="" id="DA8731EA-1F27-41DB-BC81-6430381FD9E6"/>
              </a:ext>
            </a:extLst>
          </p:cNvPr>
          <p:cNvSpPr txBox="1"/>
          <p:nvPr>
            <p:custDataLst>
              <p:tags r:id="rId31"/>
            </p:custDataLst>
          </p:nvPr>
        </p:nvSpPr>
        <p:spPr>
          <a:xfrm>
            <a:off x="4902200" y="39509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p14="http://schemas.microsoft.com/office/powerpoint/2010/main" xmlns:a16="http://schemas.microsoft.com/office/drawing/2014/main\" xmlns="" id="0172748E-7610-49E6-983B-D93761D0D65E"/>
              </a:ext>
            </a:extLst>
          </p:cNvPr>
          <p:cNvSpPr txBox="1"/>
          <p:nvPr>
            <p:custDataLst>
              <p:tags r:id="rId32"/>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p14="http://schemas.microsoft.com/office/powerpoint/2010/main" xmlns:a16="http://schemas.microsoft.com/office/drawing/2014/main\" xmlns="" id="C8BC0D9D-4005-4CD2-B847-3E2AE2643C2C"/>
              </a:ext>
            </a:extLst>
          </p:cNvPr>
          <p:cNvSpPr txBox="1"/>
          <p:nvPr>
            <p:custDataLst>
              <p:tags r:id="rId33"/>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p14="http://schemas.microsoft.com/office/powerpoint/2010/main" xmlns:a16="http://schemas.microsoft.com/office/drawing/2014/main\" xmlns="" id="AA0F9B96-A0A5-4AEC-B3B2-3BB4559A60AD"/>
              </a:ext>
            </a:extLst>
          </p:cNvPr>
          <p:cNvSpPr txBox="1"/>
          <p:nvPr>
            <p:custDataLst>
              <p:tags r:id="rId34"/>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p14="http://schemas.microsoft.com/office/powerpoint/2010/main" xmlns:a16="http://schemas.microsoft.com/office/drawing/2014/main\" xmlns="" id="EA257C3E-1DCD-40D6-949C-730D61EDDB68"/>
              </a:ext>
            </a:extLst>
          </p:cNvPr>
          <p:cNvSpPr txBox="1"/>
          <p:nvPr>
            <p:custDataLst>
              <p:tags r:id="rId35"/>
            </p:custDataLst>
          </p:nvPr>
        </p:nvSpPr>
        <p:spPr>
          <a:xfrm>
            <a:off x="4953000" y="4008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6"/>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p14="http://schemas.microsoft.com/office/powerpoint/2010/main" xmlns:a16="http://schemas.microsoft.com/office/drawing/2014/main\" xmlns="" id="463243F4-3D03-4921-BC52-2B4A3705CD0E"/>
              </a:ext>
            </a:extLst>
          </p:cNvPr>
          <p:cNvSpPr txBox="1"/>
          <p:nvPr>
            <p:custDataLst>
              <p:tags r:id="rId37"/>
            </p:custDataLst>
          </p:nvPr>
        </p:nvSpPr>
        <p:spPr>
          <a:xfrm>
            <a:off x="1879600" y="53041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8"/>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39"/>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p14="http://schemas.microsoft.com/office/powerpoint/2010/main" xmlns:a16="http://schemas.microsoft.com/office/drawing/2014/main\" xmlns="" id="B49D1567-C5DC-4687-906A-6839B66FF31F"/>
              </a:ext>
            </a:extLst>
          </p:cNvPr>
          <p:cNvSpPr txBox="1"/>
          <p:nvPr>
            <p:custDataLst>
              <p:tags r:id="rId40"/>
            </p:custDataLst>
          </p:nvPr>
        </p:nvSpPr>
        <p:spPr>
          <a:xfrm>
            <a:off x="2362200" y="4992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p14="http://schemas.microsoft.com/office/powerpoint/2010/main" xmlns:a16="http://schemas.microsoft.com/office/drawing/2014/main\" xmlns="" id="02DDDBF6-4CFA-4773-9DE5-B921C4F1CA43"/>
              </a:ext>
            </a:extLst>
          </p:cNvPr>
          <p:cNvSpPr txBox="1"/>
          <p:nvPr>
            <p:custDataLst>
              <p:tags r:id="rId41"/>
            </p:custDataLst>
          </p:nvPr>
        </p:nvSpPr>
        <p:spPr>
          <a:xfrm>
            <a:off x="2362200" y="5271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p14="http://schemas.microsoft.com/office/powerpoint/2010/main" xmlns:a16="http://schemas.microsoft.com/office/drawing/2014/main\" xmlns="" id="B6A60620-5B1E-401D-8B90-687579CE1D2B"/>
              </a:ext>
            </a:extLst>
          </p:cNvPr>
          <p:cNvSpPr txBox="1"/>
          <p:nvPr>
            <p:custDataLst>
              <p:tags r:id="rId42"/>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p14="http://schemas.microsoft.com/office/powerpoint/2010/main" xmlns:a16="http://schemas.microsoft.com/office/drawing/2014/main\" xmlns="" id="3E055503-73D9-4F64-9F0F-01D43E84BB49"/>
              </a:ext>
            </a:extLst>
          </p:cNvPr>
          <p:cNvSpPr txBox="1"/>
          <p:nvPr>
            <p:custDataLst>
              <p:tags r:id="rId43"/>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p14="http://schemas.microsoft.com/office/powerpoint/2010/main" xmlns:a16="http://schemas.microsoft.com/office/drawing/2014/main\" xmlns="" id="8E4B3DAB-210B-446D-965C-FB4AF26E2032"/>
              </a:ext>
            </a:extLst>
          </p:cNvPr>
          <p:cNvSpPr txBox="1"/>
          <p:nvPr>
            <p:custDataLst>
              <p:tags r:id="rId44"/>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5"/>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p14="http://schemas.microsoft.com/office/powerpoint/2010/main" xmlns:a16="http://schemas.microsoft.com/office/drawing/2014/main\" xmlns="" id="83958B24-06F0-41CA-BBA8-9FAB277EBD91"/>
              </a:ext>
            </a:extLst>
          </p:cNvPr>
          <p:cNvSpPr txBox="1"/>
          <p:nvPr>
            <p:custDataLst>
              <p:tags r:id="rId46"/>
            </p:custDataLst>
          </p:nvPr>
        </p:nvSpPr>
        <p:spPr>
          <a:xfrm>
            <a:off x="6756400" y="54749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p14="http://schemas.microsoft.com/office/powerpoint/2010/main" xmlns:a16="http://schemas.microsoft.com/office/drawing/2014/main\" xmlns="" id="1EC037D7-3730-4550-AE17-FF16FBF50491"/>
              </a:ext>
            </a:extLst>
          </p:cNvPr>
          <p:cNvSpPr txBox="1"/>
          <p:nvPr>
            <p:custDataLst>
              <p:tags r:id="rId47"/>
            </p:custDataLst>
          </p:nvPr>
        </p:nvSpPr>
        <p:spPr>
          <a:xfrm>
            <a:off x="6756400" y="57543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p14="http://schemas.microsoft.com/office/powerpoint/2010/main" xmlns:a16="http://schemas.microsoft.com/office/drawing/2014/main\" xmlns="" id="56AC9B45-DE51-4872-B53B-586538B470BC"/>
              </a:ext>
            </a:extLst>
          </p:cNvPr>
          <p:cNvSpPr txBox="1"/>
          <p:nvPr>
            <p:custDataLst>
              <p:tags r:id="rId48"/>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p14="http://schemas.microsoft.com/office/powerpoint/2010/main" xmlns:a16="http://schemas.microsoft.com/office/drawing/2014/main\" xmlns="" id="81E4A317-7BA7-445A-89FA-9FA95194BB03"/>
              </a:ext>
            </a:extLst>
          </p:cNvPr>
          <p:cNvSpPr txBox="1"/>
          <p:nvPr>
            <p:custDataLst>
              <p:tags r:id="rId49"/>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p14="http://schemas.microsoft.com/office/powerpoint/2010/main" xmlns:a16="http://schemas.microsoft.com/office/drawing/2014/main\" xmlns="" id="86518EF3-C5E9-484A-94AC-BEE3EDC43F6E"/>
              </a:ext>
            </a:extLst>
          </p:cNvPr>
          <p:cNvSpPr txBox="1"/>
          <p:nvPr>
            <p:custDataLst>
              <p:tags r:id="rId50"/>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p14="http://schemas.microsoft.com/office/powerpoint/2010/main" xmlns:a16="http://schemas.microsoft.com/office/drawing/2014/main\" xmlns="" id="9E368E24-92F9-4D5A-A806-C4EDD629CFD9"/>
              </a:ext>
            </a:extLst>
          </p:cNvPr>
          <p:cNvSpPr txBox="1"/>
          <p:nvPr>
            <p:custDataLst>
              <p:tags r:id="rId51"/>
            </p:custDataLst>
          </p:nvPr>
        </p:nvSpPr>
        <p:spPr>
          <a:xfrm>
            <a:off x="5969000" y="5812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2"/>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p14="http://schemas.microsoft.com/office/powerpoint/2010/main" xmlns:a16="http://schemas.microsoft.com/office/drawing/2014/main\" xmlns="" id="C385C14A-ED29-4A9F-9782-775E744E06B7"/>
              </a:ext>
            </a:extLst>
          </p:cNvPr>
          <p:cNvSpPr txBox="1"/>
          <p:nvPr>
            <p:custDataLst>
              <p:tags r:id="rId53"/>
            </p:custDataLst>
          </p:nvPr>
        </p:nvSpPr>
        <p:spPr>
          <a:xfrm>
            <a:off x="1879600" y="7056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4"/>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5"/>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p14="http://schemas.microsoft.com/office/powerpoint/2010/main" xmlns:a16="http://schemas.microsoft.com/office/drawing/2014/main\" xmlns="" id="474FA588-EEA9-41D7-8DE9-0AF48292C42D"/>
              </a:ext>
            </a:extLst>
          </p:cNvPr>
          <p:cNvSpPr txBox="1"/>
          <p:nvPr>
            <p:custDataLst>
              <p:tags r:id="rId56"/>
            </p:custDataLst>
          </p:nvPr>
        </p:nvSpPr>
        <p:spPr>
          <a:xfrm>
            <a:off x="6096000" y="6795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p14="http://schemas.microsoft.com/office/powerpoint/2010/main" xmlns:a16="http://schemas.microsoft.com/office/drawing/2014/main\" xmlns="" id="14F40304-D7DA-46C2-B6C0-68D082BB8B41"/>
              </a:ext>
            </a:extLst>
          </p:cNvPr>
          <p:cNvSpPr txBox="1"/>
          <p:nvPr>
            <p:custDataLst>
              <p:tags r:id="rId57"/>
            </p:custDataLst>
          </p:nvPr>
        </p:nvSpPr>
        <p:spPr>
          <a:xfrm>
            <a:off x="6096000" y="7075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p14="http://schemas.microsoft.com/office/powerpoint/2010/main" xmlns:a16="http://schemas.microsoft.com/office/drawing/2014/main\" xmlns="" id="2C42E1D1-BEA9-498A-8284-43865584EEBA"/>
              </a:ext>
            </a:extLst>
          </p:cNvPr>
          <p:cNvSpPr txBox="1"/>
          <p:nvPr>
            <p:custDataLst>
              <p:tags r:id="rId58"/>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p14="http://schemas.microsoft.com/office/powerpoint/2010/main" xmlns:a16="http://schemas.microsoft.com/office/drawing/2014/main\" xmlns="" id="4D2E428B-8B0D-4CD4-8E6F-0088BEA4A51B"/>
              </a:ext>
            </a:extLst>
          </p:cNvPr>
          <p:cNvSpPr txBox="1"/>
          <p:nvPr>
            <p:custDataLst>
              <p:tags r:id="rId59"/>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p14="http://schemas.microsoft.com/office/powerpoint/2010/main" xmlns:a16="http://schemas.microsoft.com/office/drawing/2014/main\" xmlns="" id="8BD63ACB-6613-4919-9266-CEF6EEDF81F9"/>
              </a:ext>
            </a:extLst>
          </p:cNvPr>
          <p:cNvSpPr txBox="1"/>
          <p:nvPr>
            <p:custDataLst>
              <p:tags r:id="rId60"/>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1"/>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p14="http://schemas.microsoft.com/office/powerpoint/2010/main" xmlns:a16="http://schemas.microsoft.com/office/drawing/2014/main\" xmlns="" id="5DBD0C34-E0FC-4F01-B1CF-09910381103D"/>
              </a:ext>
            </a:extLst>
          </p:cNvPr>
          <p:cNvSpPr txBox="1"/>
          <p:nvPr>
            <p:custDataLst>
              <p:tags r:id="rId62"/>
            </p:custDataLst>
          </p:nvPr>
        </p:nvSpPr>
        <p:spPr>
          <a:xfrm>
            <a:off x="5410200" y="73291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p14="http://schemas.microsoft.com/office/powerpoint/2010/main" xmlns:a16="http://schemas.microsoft.com/office/drawing/2014/main\" xmlns="" id="AC156E7D-0FC4-4BEB-9168-F158E50CDB6A"/>
              </a:ext>
            </a:extLst>
          </p:cNvPr>
          <p:cNvSpPr txBox="1"/>
          <p:nvPr>
            <p:custDataLst>
              <p:tags r:id="rId63"/>
            </p:custDataLst>
          </p:nvPr>
        </p:nvSpPr>
        <p:spPr>
          <a:xfrm>
            <a:off x="5410200" y="7608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p14="http://schemas.microsoft.com/office/powerpoint/2010/main" xmlns:a16="http://schemas.microsoft.com/office/drawing/2014/main\" xmlns="" id="3C602482-A7F5-4F5A-BA7A-30FCE417D99F"/>
              </a:ext>
            </a:extLst>
          </p:cNvPr>
          <p:cNvSpPr txBox="1"/>
          <p:nvPr>
            <p:custDataLst>
              <p:tags r:id="rId64"/>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p14="http://schemas.microsoft.com/office/powerpoint/2010/main" xmlns:a16="http://schemas.microsoft.com/office/drawing/2014/main\" xmlns="" id="35DE02EF-F552-46B0-A7DE-E383A445A9D2"/>
              </a:ext>
            </a:extLst>
          </p:cNvPr>
          <p:cNvSpPr txBox="1"/>
          <p:nvPr>
            <p:custDataLst>
              <p:tags r:id="rId65"/>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p14="http://schemas.microsoft.com/office/powerpoint/2010/main" xmlns:a16="http://schemas.microsoft.com/office/drawing/2014/main\" xmlns="" id="840EA0C1-0D33-4435-BDC7-DA20A52D3F90"/>
              </a:ext>
            </a:extLst>
          </p:cNvPr>
          <p:cNvSpPr txBox="1"/>
          <p:nvPr>
            <p:custDataLst>
              <p:tags r:id="rId66"/>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7"/>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p14="http://schemas.microsoft.com/office/powerpoint/2010/main" xmlns:a16="http://schemas.microsoft.com/office/drawing/2014/main\" xmlns="" id="BD5793CD-3931-4B16-BF6E-DB191AF38A55"/>
              </a:ext>
            </a:extLst>
          </p:cNvPr>
          <p:cNvSpPr txBox="1"/>
          <p:nvPr>
            <p:custDataLst>
              <p:tags r:id="rId68"/>
            </p:custDataLst>
          </p:nvPr>
        </p:nvSpPr>
        <p:spPr>
          <a:xfrm>
            <a:off x="5410200" y="7811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p14="http://schemas.microsoft.com/office/powerpoint/2010/main" xmlns:a16="http://schemas.microsoft.com/office/drawing/2014/main\" xmlns="" id="F0EF3A33-6E93-4265-A1A7-AD8FAC3722A0"/>
              </a:ext>
            </a:extLst>
          </p:cNvPr>
          <p:cNvSpPr txBox="1"/>
          <p:nvPr>
            <p:custDataLst>
              <p:tags r:id="rId69"/>
            </p:custDataLst>
          </p:nvPr>
        </p:nvSpPr>
        <p:spPr>
          <a:xfrm>
            <a:off x="5410200" y="8091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p14="http://schemas.microsoft.com/office/powerpoint/2010/main" xmlns:a16="http://schemas.microsoft.com/office/drawing/2014/main\" xmlns="" id="29F4B795-00E4-4B32-AD2B-59914CCEDE79"/>
              </a:ext>
            </a:extLst>
          </p:cNvPr>
          <p:cNvSpPr txBox="1"/>
          <p:nvPr>
            <p:custDataLst>
              <p:tags r:id="rId70"/>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p14="http://schemas.microsoft.com/office/powerpoint/2010/main" xmlns:a16="http://schemas.microsoft.com/office/drawing/2014/main\" xmlns="" id="3B7A71EF-7B45-4C0A-ABB7-B10FD1C3A60F"/>
              </a:ext>
            </a:extLst>
          </p:cNvPr>
          <p:cNvSpPr txBox="1"/>
          <p:nvPr>
            <p:custDataLst>
              <p:tags r:id="rId71"/>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p14="http://schemas.microsoft.com/office/powerpoint/2010/main" xmlns:a16="http://schemas.microsoft.com/office/drawing/2014/main\" xmlns="" id="5E89D620-75CD-45D6-8928-5BFFAAB0B381"/>
              </a:ext>
            </a:extLst>
          </p:cNvPr>
          <p:cNvSpPr txBox="1"/>
          <p:nvPr>
            <p:custDataLst>
              <p:tags r:id="rId72"/>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3"/>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p14="http://schemas.microsoft.com/office/powerpoint/2010/main" xmlns:a16="http://schemas.microsoft.com/office/drawing/2014/main\" xmlns="" id="957B0D36-2880-4314-89D3-BF8FB45A853E"/>
              </a:ext>
            </a:extLst>
          </p:cNvPr>
          <p:cNvSpPr txBox="1"/>
          <p:nvPr>
            <p:custDataLst>
              <p:tags r:id="rId74"/>
            </p:custDataLst>
          </p:nvPr>
        </p:nvSpPr>
        <p:spPr>
          <a:xfrm>
            <a:off x="1879600" y="8758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5"/>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6"/>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p14="http://schemas.microsoft.com/office/powerpoint/2010/main" xmlns:a16="http://schemas.microsoft.com/office/drawing/2014/main\" xmlns="" id="C15515B5-8CB1-4EA1-AF9D-C1C7308E90B8"/>
              </a:ext>
            </a:extLst>
          </p:cNvPr>
          <p:cNvSpPr txBox="1"/>
          <p:nvPr>
            <p:custDataLst>
              <p:tags r:id="rId77"/>
            </p:custDataLst>
          </p:nvPr>
        </p:nvSpPr>
        <p:spPr>
          <a:xfrm>
            <a:off x="2971800" y="8497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p14="http://schemas.microsoft.com/office/powerpoint/2010/main" xmlns:a16="http://schemas.microsoft.com/office/drawing/2014/main\" xmlns="" id="5F146E90-6971-4DC5-8272-949BD48C4BD0"/>
              </a:ext>
            </a:extLst>
          </p:cNvPr>
          <p:cNvSpPr txBox="1"/>
          <p:nvPr>
            <p:custDataLst>
              <p:tags r:id="rId78"/>
            </p:custDataLst>
          </p:nvPr>
        </p:nvSpPr>
        <p:spPr>
          <a:xfrm>
            <a:off x="2971800" y="8776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p14="http://schemas.microsoft.com/office/powerpoint/2010/main" xmlns:a16="http://schemas.microsoft.com/office/drawing/2014/main\" xmlns="" id="080E9572-9A32-43F8-9111-6BA5E1AD9C19"/>
              </a:ext>
            </a:extLst>
          </p:cNvPr>
          <p:cNvSpPr txBox="1"/>
          <p:nvPr>
            <p:custDataLst>
              <p:tags r:id="rId79"/>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p14="http://schemas.microsoft.com/office/powerpoint/2010/main" xmlns:a16="http://schemas.microsoft.com/office/drawing/2014/main\" xmlns="" id="1E6036DB-2EDE-4074-BCEA-A3FD2DE833C0"/>
              </a:ext>
            </a:extLst>
          </p:cNvPr>
          <p:cNvSpPr txBox="1"/>
          <p:nvPr>
            <p:custDataLst>
              <p:tags r:id="rId80"/>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p14="http://schemas.microsoft.com/office/powerpoint/2010/main" xmlns:a16="http://schemas.microsoft.com/office/drawing/2014/main\" xmlns="" id="7819E641-6C37-41E9-B2A5-01010A093E18"/>
              </a:ext>
            </a:extLst>
          </p:cNvPr>
          <p:cNvSpPr txBox="1"/>
          <p:nvPr>
            <p:custDataLst>
              <p:tags r:id="rId81"/>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2"/>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p14="http://schemas.microsoft.com/office/powerpoint/2010/main" xmlns:a16="http://schemas.microsoft.com/office/drawing/2014/main\" xmlns="" id="FE869560-843E-4030-A574-095BA188D13F"/>
              </a:ext>
            </a:extLst>
          </p:cNvPr>
          <p:cNvSpPr txBox="1"/>
          <p:nvPr>
            <p:custDataLst>
              <p:tags r:id="rId83"/>
            </p:custDataLst>
          </p:nvPr>
        </p:nvSpPr>
        <p:spPr>
          <a:xfrm>
            <a:off x="7797800" y="8980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p14="http://schemas.microsoft.com/office/powerpoint/2010/main" xmlns:a16="http://schemas.microsoft.com/office/drawing/2014/main\" xmlns="" id="28D46D38-4A0C-4943-B811-FE340C32022D"/>
              </a:ext>
            </a:extLst>
          </p:cNvPr>
          <p:cNvSpPr txBox="1"/>
          <p:nvPr>
            <p:custDataLst>
              <p:tags r:id="rId84"/>
            </p:custDataLst>
          </p:nvPr>
        </p:nvSpPr>
        <p:spPr>
          <a:xfrm>
            <a:off x="7797800" y="9259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p14="http://schemas.microsoft.com/office/powerpoint/2010/main" xmlns:a16="http://schemas.microsoft.com/office/drawing/2014/main\" xmlns="" id="5C1AAE37-BCB6-46C7-A729-0FDFC1B328DB"/>
              </a:ext>
            </a:extLst>
          </p:cNvPr>
          <p:cNvSpPr txBox="1"/>
          <p:nvPr>
            <p:custDataLst>
              <p:tags r:id="rId85"/>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p14="http://schemas.microsoft.com/office/powerpoint/2010/main" xmlns:a16="http://schemas.microsoft.com/office/drawing/2014/main\" xmlns="" id="27AA30A5-2312-44BA-9DB0-0DF4CAC55A1B"/>
              </a:ext>
            </a:extLst>
          </p:cNvPr>
          <p:cNvSpPr txBox="1"/>
          <p:nvPr>
            <p:custDataLst>
              <p:tags r:id="rId86"/>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p14="http://schemas.microsoft.com/office/powerpoint/2010/main" xmlns:a16="http://schemas.microsoft.com/office/drawing/2014/main\" xmlns="" id="3B4CDAE0-AD51-4A23-A2C5-389D7A885906"/>
              </a:ext>
            </a:extLst>
          </p:cNvPr>
          <p:cNvSpPr txBox="1"/>
          <p:nvPr>
            <p:custDataLst>
              <p:tags r:id="rId87"/>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8"/>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p14="http://schemas.microsoft.com/office/powerpoint/2010/main" xmlns:a16="http://schemas.microsoft.com/office/drawing/2014/main\" xmlns="" id="6FC3804E-A6EB-4AA1-9FD1-8DC24C05C928"/>
              </a:ext>
            </a:extLst>
          </p:cNvPr>
          <p:cNvSpPr txBox="1"/>
          <p:nvPr>
            <p:custDataLst>
              <p:tags r:id="rId89"/>
            </p:custDataLst>
          </p:nvPr>
        </p:nvSpPr>
        <p:spPr>
          <a:xfrm>
            <a:off x="8839200" y="9513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p14="http://schemas.microsoft.com/office/powerpoint/2010/main" xmlns:a16="http://schemas.microsoft.com/office/drawing/2014/main\" xmlns="" id="B02203F7-66E7-428B-89C2-111A94A3AA8F"/>
              </a:ext>
            </a:extLst>
          </p:cNvPr>
          <p:cNvSpPr txBox="1"/>
          <p:nvPr>
            <p:custDataLst>
              <p:tags r:id="rId90"/>
            </p:custDataLst>
          </p:nvPr>
        </p:nvSpPr>
        <p:spPr>
          <a:xfrm>
            <a:off x="8839200" y="9792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p14="http://schemas.microsoft.com/office/powerpoint/2010/main" xmlns:a16="http://schemas.microsoft.com/office/drawing/2014/main\" xmlns="" id="D1954D65-CB65-48DD-9690-C17CE1A86F9E"/>
              </a:ext>
            </a:extLst>
          </p:cNvPr>
          <p:cNvSpPr txBox="1"/>
          <p:nvPr>
            <p:custDataLst>
              <p:tags r:id="rId91"/>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p14="http://schemas.microsoft.com/office/powerpoint/2010/main" xmlns:a16="http://schemas.microsoft.com/office/drawing/2014/main\" xmlns="" id="68CB49D4-2CC5-427F-8FAF-5752C63614E8"/>
              </a:ext>
            </a:extLst>
          </p:cNvPr>
          <p:cNvSpPr txBox="1"/>
          <p:nvPr>
            <p:custDataLst>
              <p:tags r:id="rId92"/>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p14="http://schemas.microsoft.com/office/powerpoint/2010/main" xmlns:a16="http://schemas.microsoft.com/office/drawing/2014/main\" xmlns="" id="02A2DE2F-F4A7-4ACC-A9B7-573467496787"/>
              </a:ext>
            </a:extLst>
          </p:cNvPr>
          <p:cNvSpPr txBox="1"/>
          <p:nvPr>
            <p:custDataLst>
              <p:tags r:id="rId93"/>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4"/>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p14="http://schemas.microsoft.com/office/powerpoint/2010/main" xmlns:a16="http://schemas.microsoft.com/office/drawing/2014/main\" xmlns="" id="ABC1B3CB-4D3E-431D-9244-EE6B16778363"/>
              </a:ext>
            </a:extLst>
          </p:cNvPr>
          <p:cNvSpPr txBox="1"/>
          <p:nvPr>
            <p:custDataLst>
              <p:tags r:id="rId95"/>
            </p:custDataLst>
          </p:nvPr>
        </p:nvSpPr>
        <p:spPr>
          <a:xfrm>
            <a:off x="18796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6"/>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7"/>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p14="http://schemas.microsoft.com/office/powerpoint/2010/main" xmlns:a16="http://schemas.microsoft.com/office/drawing/2014/main\" xmlns="" id="E9C66242-36C4-42ED-95E7-2715AB106A79"/>
              </a:ext>
            </a:extLst>
          </p:cNvPr>
          <p:cNvSpPr txBox="1"/>
          <p:nvPr>
            <p:custDataLst>
              <p:tags r:id="rId98"/>
            </p:custDataLst>
          </p:nvPr>
        </p:nvSpPr>
        <p:spPr>
          <a:xfrm>
            <a:off x="10185400" y="10199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p14="http://schemas.microsoft.com/office/powerpoint/2010/main" xmlns:a16="http://schemas.microsoft.com/office/drawing/2014/main\" xmlns="" id="12F87B18-C862-4641-AB63-92DA5AB25B0F"/>
              </a:ext>
            </a:extLst>
          </p:cNvPr>
          <p:cNvSpPr txBox="1"/>
          <p:nvPr>
            <p:custDataLst>
              <p:tags r:id="rId99"/>
            </p:custDataLst>
          </p:nvPr>
        </p:nvSpPr>
        <p:spPr>
          <a:xfrm>
            <a:off x="10185400" y="10478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p14="http://schemas.microsoft.com/office/powerpoint/2010/main" xmlns:a16="http://schemas.microsoft.com/office/drawing/2014/main\" xmlns="" id="E587286B-2562-4484-82EC-991766EA5CB7"/>
              </a:ext>
            </a:extLst>
          </p:cNvPr>
          <p:cNvSpPr txBox="1"/>
          <p:nvPr>
            <p:custDataLst>
              <p:tags r:id="rId100"/>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p14="http://schemas.microsoft.com/office/powerpoint/2010/main" xmlns:a16="http://schemas.microsoft.com/office/drawing/2014/main\" xmlns="" id="E6A74273-2950-41E8-84D2-958F2D1D42F7"/>
              </a:ext>
            </a:extLst>
          </p:cNvPr>
          <p:cNvSpPr txBox="1"/>
          <p:nvPr>
            <p:custDataLst>
              <p:tags r:id="rId101"/>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p14="http://schemas.microsoft.com/office/powerpoint/2010/main" xmlns:a16="http://schemas.microsoft.com/office/drawing/2014/main\" xmlns="" id="097B41B0-2172-45BB-8977-120871E04922"/>
              </a:ext>
            </a:extLst>
          </p:cNvPr>
          <p:cNvSpPr txBox="1"/>
          <p:nvPr>
            <p:custDataLst>
              <p:tags r:id="rId102"/>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3"/>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p14="http://schemas.microsoft.com/office/powerpoint/2010/main" xmlns:a16="http://schemas.microsoft.com/office/drawing/2014/main\" xmlns="" id="C4BD28B3-2039-4950-9D95-CCC793AAF85C"/>
              </a:ext>
            </a:extLst>
          </p:cNvPr>
          <p:cNvSpPr txBox="1"/>
          <p:nvPr>
            <p:custDataLst>
              <p:tags r:id="rId104"/>
            </p:custDataLst>
          </p:nvPr>
        </p:nvSpPr>
        <p:spPr>
          <a:xfrm>
            <a:off x="5816600" y="10859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p14="http://schemas.microsoft.com/office/powerpoint/2010/main" xmlns:a16="http://schemas.microsoft.com/office/drawing/2014/main\" xmlns="" id="88C0F3C5-04C3-4141-A2E8-155E04442CE1"/>
              </a:ext>
            </a:extLst>
          </p:cNvPr>
          <p:cNvSpPr txBox="1"/>
          <p:nvPr>
            <p:custDataLst>
              <p:tags r:id="rId105"/>
            </p:custDataLst>
          </p:nvPr>
        </p:nvSpPr>
        <p:spPr>
          <a:xfrm>
            <a:off x="5816600" y="11139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p14="http://schemas.microsoft.com/office/powerpoint/2010/main" xmlns:a16="http://schemas.microsoft.com/office/drawing/2014/main\" xmlns="" id="F0B334E9-6E7D-4CC2-8764-92950A640B62"/>
              </a:ext>
            </a:extLst>
          </p:cNvPr>
          <p:cNvSpPr txBox="1"/>
          <p:nvPr>
            <p:custDataLst>
              <p:tags r:id="rId106"/>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p14="http://schemas.microsoft.com/office/powerpoint/2010/main" xmlns:a16="http://schemas.microsoft.com/office/drawing/2014/main\" xmlns="" id="AEB44C48-8FEF-4F2A-ABA5-AFAE815C3BBB"/>
              </a:ext>
            </a:extLst>
          </p:cNvPr>
          <p:cNvSpPr txBox="1"/>
          <p:nvPr>
            <p:custDataLst>
              <p:tags r:id="rId107"/>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p14="http://schemas.microsoft.com/office/powerpoint/2010/main" xmlns:a16="http://schemas.microsoft.com/office/drawing/2014/main\" xmlns="" id="50FB0FCB-F378-4FFB-9695-35DE1E2FD6DC"/>
              </a:ext>
            </a:extLst>
          </p:cNvPr>
          <p:cNvSpPr txBox="1"/>
          <p:nvPr>
            <p:custDataLst>
              <p:tags r:id="rId108"/>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09"/>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p14="http://schemas.microsoft.com/office/powerpoint/2010/main" xmlns:a16="http://schemas.microsoft.com/office/drawing/2014/main\" xmlns="" id="8E667A96-7153-4D1E-84A5-A961F342EE7D"/>
              </a:ext>
            </a:extLst>
          </p:cNvPr>
          <p:cNvSpPr txBox="1"/>
          <p:nvPr>
            <p:custDataLst>
              <p:tags r:id="rId110"/>
            </p:custDataLst>
          </p:nvPr>
        </p:nvSpPr>
        <p:spPr>
          <a:xfrm>
            <a:off x="1879600" y="11603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1"/>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2"/>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p14="http://schemas.microsoft.com/office/powerpoint/2010/main" xmlns:a16="http://schemas.microsoft.com/office/drawing/2014/main\" xmlns="" id="9F38746A-1C7C-4C76-AAF2-DE708A59B706"/>
              </a:ext>
            </a:extLst>
          </p:cNvPr>
          <p:cNvSpPr txBox="1"/>
          <p:nvPr>
            <p:custDataLst>
              <p:tags r:id="rId113"/>
            </p:custDataLst>
          </p:nvPr>
        </p:nvSpPr>
        <p:spPr>
          <a:xfrm>
            <a:off x="15163800" y="11545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p14="http://schemas.microsoft.com/office/powerpoint/2010/main" xmlns:a16="http://schemas.microsoft.com/office/drawing/2014/main\" xmlns="" id="52AECE95-C61B-4B69-9A8F-05C92F551368"/>
              </a:ext>
            </a:extLst>
          </p:cNvPr>
          <p:cNvSpPr txBox="1"/>
          <p:nvPr>
            <p:custDataLst>
              <p:tags r:id="rId114"/>
            </p:custDataLst>
          </p:nvPr>
        </p:nvSpPr>
        <p:spPr>
          <a:xfrm>
            <a:off x="15163800" y="11824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p14="http://schemas.microsoft.com/office/powerpoint/2010/main" xmlns:a16="http://schemas.microsoft.com/office/drawing/2014/main\" xmlns="" id="DE30D73F-DA79-476C-8E6D-D673DBEAFD98"/>
              </a:ext>
            </a:extLst>
          </p:cNvPr>
          <p:cNvSpPr txBox="1"/>
          <p:nvPr>
            <p:custDataLst>
              <p:tags r:id="rId115"/>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p14="http://schemas.microsoft.com/office/powerpoint/2010/main" xmlns:a16="http://schemas.microsoft.com/office/drawing/2014/main\" xmlns="" id="E8434169-5532-4CA2-B666-97EF34CAF718"/>
              </a:ext>
            </a:extLst>
          </p:cNvPr>
          <p:cNvSpPr txBox="1"/>
          <p:nvPr>
            <p:custDataLst>
              <p:tags r:id="rId116"/>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p14="http://schemas.microsoft.com/office/powerpoint/2010/main" xmlns:a16="http://schemas.microsoft.com/office/drawing/2014/main\" xmlns="" id="EFF34CAC-9231-4F48-ADF3-717D98B24024"/>
              </a:ext>
            </a:extLst>
          </p:cNvPr>
          <p:cNvSpPr txBox="1"/>
          <p:nvPr>
            <p:custDataLst>
              <p:tags r:id="rId117"/>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p14="http://schemas.microsoft.com/office/powerpoint/2010/main" xmlns:a16="http://schemas.microsoft.com/office/drawing/2014/main\" xmlns="" id="A0929654-2C1E-4EA0-B0ED-760580A5CD98"/>
              </a:ext>
            </a:extLst>
          </p:cNvPr>
          <p:cNvSpPr txBox="1"/>
          <p:nvPr>
            <p:custDataLst>
              <p:tags r:id="rId118"/>
            </p:custDataLst>
          </p:nvPr>
        </p:nvSpPr>
        <p:spPr>
          <a:xfrm>
            <a:off x="20091400" y="11984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grpSp>
        <p:nvGrpSpPr>
          <p:cNvPr id="11" name="Group 10">
            <a:extLst>
              <a:ext uri="{FF2B5EF4-FFF2-40B4-BE49-F238E27FC236}">
                <a16:creationId xmlns:a16="http://schemas.microsoft.com/office/drawing/2014/main" id="{D684A7ED-7F1F-F455-11A8-B6720ACABFD5}"/>
              </a:ext>
            </a:extLst>
          </p:cNvPr>
          <p:cNvGrpSpPr/>
          <p:nvPr/>
        </p:nvGrpSpPr>
        <p:grpSpPr>
          <a:xfrm>
            <a:off x="5221891" y="4073187"/>
            <a:ext cx="4884075" cy="4658410"/>
            <a:chOff x="4610890" y="4073188"/>
            <a:chExt cx="4884075" cy="4658410"/>
          </a:xfrm>
        </p:grpSpPr>
        <p:sp>
          <p:nvSpPr>
            <p:cNvPr id="29" name="TextBox 28">
              <a:extLst>
                <a:ext uri="{FF2B5EF4-FFF2-40B4-BE49-F238E27FC236}">
                  <a16:creationId xmlns:a16="http://schemas.microsoft.com/office/drawing/2014/main" id="{201CD281-2401-AD14-D7D9-D83F09A9AE48}"/>
                </a:ext>
              </a:extLst>
            </p:cNvPr>
            <p:cNvSpPr txBox="1"/>
            <p:nvPr/>
          </p:nvSpPr>
          <p:spPr>
            <a:xfrm>
              <a:off x="4610890" y="4073188"/>
              <a:ext cx="4884075" cy="2554545"/>
            </a:xfrm>
            <a:prstGeom prst="rect">
              <a:avLst/>
            </a:prstGeom>
            <a:noFill/>
            <a:ln>
              <a:solidFill>
                <a:srgbClr val="FFC000"/>
              </a:solidFill>
            </a:ln>
          </p:spPr>
          <p:txBody>
            <a:bodyPr wrap="square">
              <a:spAutoFit/>
            </a:bodyPr>
            <a:lstStyle/>
            <a:p>
              <a:pPr algn="ctr"/>
              <a:r>
                <a:rPr lang="en-US" sz="3200" dirty="0">
                  <a:solidFill>
                    <a:srgbClr val="58585A"/>
                  </a:solidFill>
                  <a:latin typeface="Arial" panose="020B0604020202020204" pitchFamily="34" charset="0"/>
                  <a:cs typeface="Arial" panose="020B0604020202020204" pitchFamily="34" charset="0"/>
                </a:rPr>
                <a:t>17 – 31 Oct:</a:t>
              </a:r>
            </a:p>
            <a:p>
              <a:pPr algn="ctr"/>
              <a:r>
                <a:rPr lang="en-US" sz="3200" b="0" dirty="0">
                  <a:solidFill>
                    <a:srgbClr val="58585A"/>
                  </a:solidFill>
                  <a:latin typeface="Arial" panose="020B0604020202020204" pitchFamily="34" charset="0"/>
                  <a:cs typeface="Arial" panose="020B0604020202020204" pitchFamily="34" charset="0"/>
                </a:rPr>
                <a:t>Clubs submit </a:t>
              </a:r>
              <a:r>
                <a:rPr lang="en-US" sz="3200" dirty="0">
                  <a:solidFill>
                    <a:srgbClr val="58585A"/>
                  </a:solidFill>
                  <a:latin typeface="Arial" panose="020B0604020202020204" pitchFamily="34" charset="0"/>
                  <a:cs typeface="Arial" panose="020B0604020202020204" pitchFamily="34" charset="0"/>
                </a:rPr>
                <a:t>preferential </a:t>
              </a:r>
              <a:r>
                <a:rPr lang="en-US" sz="3200" b="0" dirty="0">
                  <a:solidFill>
                    <a:srgbClr val="58585A"/>
                  </a:solidFill>
                  <a:latin typeface="Arial" panose="020B0604020202020204" pitchFamily="34" charset="0"/>
                  <a:cs typeface="Arial" panose="020B0604020202020204" pitchFamily="34" charset="0"/>
                </a:rPr>
                <a:t>votes electronically via link emailed to Club Presidents</a:t>
              </a:r>
              <a:endParaRPr lang="en-AU" sz="3200" b="0" dirty="0">
                <a:solidFill>
                  <a:srgbClr val="58585A"/>
                </a:solidFill>
                <a:latin typeface="Arial" panose="020B0604020202020204" pitchFamily="34" charset="0"/>
                <a:cs typeface="Arial" panose="020B0604020202020204" pitchFamily="34" charset="0"/>
              </a:endParaRPr>
            </a:p>
          </p:txBody>
        </p:sp>
        <p:sp>
          <p:nvSpPr>
            <p:cNvPr id="32" name="Arrow: Pentagon 31">
              <a:extLst>
                <a:ext uri="{FF2B5EF4-FFF2-40B4-BE49-F238E27FC236}">
                  <a16:creationId xmlns:a16="http://schemas.microsoft.com/office/drawing/2014/main" id="{04ADF5CF-6A4C-7BF2-3D60-F67AAEFC75C5}"/>
                </a:ext>
              </a:extLst>
            </p:cNvPr>
            <p:cNvSpPr/>
            <p:nvPr/>
          </p:nvSpPr>
          <p:spPr>
            <a:xfrm>
              <a:off x="5461521" y="7400822"/>
              <a:ext cx="3446346" cy="133077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Voting</a:t>
              </a:r>
              <a:endParaRPr lang="en-AU" sz="4000" dirty="0"/>
            </a:p>
          </p:txBody>
        </p:sp>
        <p:cxnSp>
          <p:nvCxnSpPr>
            <p:cNvPr id="63" name="Straight Connector 62">
              <a:extLst>
                <a:ext uri="{FF2B5EF4-FFF2-40B4-BE49-F238E27FC236}">
                  <a16:creationId xmlns:a16="http://schemas.microsoft.com/office/drawing/2014/main" id="{49D6B5E3-C2DF-6707-5D7E-323A74E36A9A}"/>
                </a:ext>
              </a:extLst>
            </p:cNvPr>
            <p:cNvCxnSpPr>
              <a:cxnSpLocks/>
            </p:cNvCxnSpPr>
            <p:nvPr/>
          </p:nvCxnSpPr>
          <p:spPr>
            <a:xfrm flipV="1">
              <a:off x="7052928" y="6647792"/>
              <a:ext cx="0" cy="77208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0149E055-DD30-1AA1-82DB-B13978DF5EB3}"/>
              </a:ext>
            </a:extLst>
          </p:cNvPr>
          <p:cNvGrpSpPr/>
          <p:nvPr/>
        </p:nvGrpSpPr>
        <p:grpSpPr>
          <a:xfrm>
            <a:off x="10184922" y="7381772"/>
            <a:ext cx="4144376" cy="3469097"/>
            <a:chOff x="9223227" y="7420635"/>
            <a:chExt cx="4144376" cy="3469097"/>
          </a:xfrm>
        </p:grpSpPr>
        <p:sp>
          <p:nvSpPr>
            <p:cNvPr id="37" name="Arrow: Pentagon 36">
              <a:extLst>
                <a:ext uri="{FF2B5EF4-FFF2-40B4-BE49-F238E27FC236}">
                  <a16:creationId xmlns:a16="http://schemas.microsoft.com/office/drawing/2014/main" id="{8167F4A4-EC0B-65EF-024C-DE9016A2ABE7}"/>
                </a:ext>
              </a:extLst>
            </p:cNvPr>
            <p:cNvSpPr/>
            <p:nvPr/>
          </p:nvSpPr>
          <p:spPr>
            <a:xfrm>
              <a:off x="9743764" y="7420635"/>
              <a:ext cx="3446346" cy="134982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Results</a:t>
              </a:r>
              <a:endParaRPr lang="en-AU" sz="4000" dirty="0"/>
            </a:p>
          </p:txBody>
        </p:sp>
        <p:sp>
          <p:nvSpPr>
            <p:cNvPr id="39" name="TextBox 38">
              <a:extLst>
                <a:ext uri="{FF2B5EF4-FFF2-40B4-BE49-F238E27FC236}">
                  <a16:creationId xmlns:a16="http://schemas.microsoft.com/office/drawing/2014/main" id="{DE798D22-9E7D-366C-3F15-C98788527953}"/>
                </a:ext>
              </a:extLst>
            </p:cNvPr>
            <p:cNvSpPr txBox="1"/>
            <p:nvPr/>
          </p:nvSpPr>
          <p:spPr>
            <a:xfrm>
              <a:off x="9223227" y="9320072"/>
              <a:ext cx="4144376" cy="1569660"/>
            </a:xfrm>
            <a:prstGeom prst="rect">
              <a:avLst/>
            </a:prstGeom>
            <a:noFill/>
            <a:ln>
              <a:solidFill>
                <a:srgbClr val="FFC000"/>
              </a:solidFill>
            </a:ln>
          </p:spPr>
          <p:txBody>
            <a:bodyPr wrap="square">
              <a:spAutoFit/>
            </a:bodyPr>
            <a:lstStyle/>
            <a:p>
              <a:pPr algn="ctr"/>
              <a:r>
                <a:rPr lang="en-US" sz="3200" dirty="0">
                  <a:solidFill>
                    <a:srgbClr val="58585A"/>
                  </a:solidFill>
                  <a:latin typeface="Arial" panose="020B0604020202020204" pitchFamily="34" charset="0"/>
                  <a:cs typeface="Arial" panose="020B0604020202020204" pitchFamily="34" charset="0"/>
                </a:rPr>
                <a:t>1 Nov:</a:t>
              </a:r>
            </a:p>
            <a:p>
              <a:pPr algn="ctr"/>
              <a:r>
                <a:rPr lang="en-US" sz="3200" b="0" dirty="0">
                  <a:solidFill>
                    <a:srgbClr val="58585A"/>
                  </a:solidFill>
                  <a:latin typeface="Arial" panose="020B0604020202020204" pitchFamily="34" charset="0"/>
                  <a:cs typeface="Arial" panose="020B0604020202020204" pitchFamily="34" charset="0"/>
                </a:rPr>
                <a:t>Results of vote are announced</a:t>
              </a:r>
            </a:p>
          </p:txBody>
        </p:sp>
        <p:cxnSp>
          <p:nvCxnSpPr>
            <p:cNvPr id="64" name="Straight Connector 63">
              <a:extLst>
                <a:ext uri="{FF2B5EF4-FFF2-40B4-BE49-F238E27FC236}">
                  <a16:creationId xmlns:a16="http://schemas.microsoft.com/office/drawing/2014/main" id="{57001375-99A1-955A-26A7-F0B59A689F6C}"/>
                </a:ext>
              </a:extLst>
            </p:cNvPr>
            <p:cNvCxnSpPr>
              <a:cxnSpLocks/>
            </p:cNvCxnSpPr>
            <p:nvPr/>
          </p:nvCxnSpPr>
          <p:spPr>
            <a:xfrm flipV="1">
              <a:off x="11295415" y="8770460"/>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2192B279-BF7D-F72C-7213-1151C39614A5}"/>
              </a:ext>
            </a:extLst>
          </p:cNvPr>
          <p:cNvGrpSpPr/>
          <p:nvPr/>
        </p:nvGrpSpPr>
        <p:grpSpPr>
          <a:xfrm>
            <a:off x="19639232" y="7497067"/>
            <a:ext cx="4200520" cy="3440435"/>
            <a:chOff x="19373412" y="7711937"/>
            <a:chExt cx="4200520" cy="3440435"/>
          </a:xfrm>
        </p:grpSpPr>
        <p:sp>
          <p:nvSpPr>
            <p:cNvPr id="42" name="TextBox 41">
              <a:extLst>
                <a:ext uri="{FF2B5EF4-FFF2-40B4-BE49-F238E27FC236}">
                  <a16:creationId xmlns:a16="http://schemas.microsoft.com/office/drawing/2014/main" id="{E64B8618-B243-6E8C-B1C5-2EA7BD787B41}"/>
                </a:ext>
              </a:extLst>
            </p:cNvPr>
            <p:cNvSpPr txBox="1"/>
            <p:nvPr/>
          </p:nvSpPr>
          <p:spPr>
            <a:xfrm>
              <a:off x="19373412" y="9582712"/>
              <a:ext cx="4200520" cy="1569660"/>
            </a:xfrm>
            <a:prstGeom prst="rect">
              <a:avLst/>
            </a:prstGeom>
            <a:noFill/>
            <a:ln>
              <a:solidFill>
                <a:srgbClr val="FFC000"/>
              </a:solidFill>
            </a:ln>
          </p:spPr>
          <p:txBody>
            <a:bodyPr wrap="square">
              <a:spAutoFit/>
            </a:bodyPr>
            <a:lstStyle/>
            <a:p>
              <a:r>
                <a:rPr lang="en-US" sz="3200" dirty="0">
                  <a:solidFill>
                    <a:srgbClr val="58585A"/>
                  </a:solidFill>
                  <a:latin typeface="Arial" panose="020B0604020202020204" pitchFamily="34" charset="0"/>
                  <a:cs typeface="Arial" panose="020B0604020202020204" pitchFamily="34" charset="0"/>
                </a:rPr>
                <a:t>Jan 2024:</a:t>
              </a:r>
            </a:p>
            <a:p>
              <a:r>
                <a:rPr lang="en-US" sz="3200" b="0" dirty="0">
                  <a:solidFill>
                    <a:srgbClr val="58585A"/>
                  </a:solidFill>
                  <a:latin typeface="Arial" panose="020B0604020202020204" pitchFamily="34" charset="0"/>
                  <a:cs typeface="Arial" panose="020B0604020202020204" pitchFamily="34" charset="0"/>
                </a:rPr>
                <a:t>Regional Council commences</a:t>
              </a:r>
              <a:endParaRPr lang="en-AU" sz="3200" b="0" dirty="0">
                <a:solidFill>
                  <a:srgbClr val="58585A"/>
                </a:solidFill>
                <a:latin typeface="Arial" panose="020B0604020202020204" pitchFamily="34" charset="0"/>
                <a:cs typeface="Arial" panose="020B0604020202020204" pitchFamily="34" charset="0"/>
              </a:endParaRPr>
            </a:p>
          </p:txBody>
        </p:sp>
        <p:sp>
          <p:nvSpPr>
            <p:cNvPr id="46" name="Arrow: Pentagon 45">
              <a:extLst>
                <a:ext uri="{FF2B5EF4-FFF2-40B4-BE49-F238E27FC236}">
                  <a16:creationId xmlns:a16="http://schemas.microsoft.com/office/drawing/2014/main" id="{F0F6C614-D598-612F-E3DD-284053DC961D}"/>
                </a:ext>
              </a:extLst>
            </p:cNvPr>
            <p:cNvSpPr/>
            <p:nvPr/>
          </p:nvSpPr>
          <p:spPr>
            <a:xfrm>
              <a:off x="19724297" y="7711937"/>
              <a:ext cx="3446346" cy="133077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Regional Council</a:t>
              </a:r>
              <a:endParaRPr lang="en-AU" sz="4000" dirty="0"/>
            </a:p>
          </p:txBody>
        </p:sp>
        <p:cxnSp>
          <p:nvCxnSpPr>
            <p:cNvPr id="72" name="Straight Connector 71">
              <a:extLst>
                <a:ext uri="{FF2B5EF4-FFF2-40B4-BE49-F238E27FC236}">
                  <a16:creationId xmlns:a16="http://schemas.microsoft.com/office/drawing/2014/main" id="{7034A21C-76F3-8C23-696C-4F24EBE2300D}"/>
                </a:ext>
              </a:extLst>
            </p:cNvPr>
            <p:cNvCxnSpPr>
              <a:cxnSpLocks/>
            </p:cNvCxnSpPr>
            <p:nvPr/>
          </p:nvCxnSpPr>
          <p:spPr>
            <a:xfrm flipV="1">
              <a:off x="21447468" y="904271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sp>
        <p:nvSpPr>
          <p:cNvPr id="4" name="How can you learn more?">
            <a:extLst>
              <a:ext uri="{FF2B5EF4-FFF2-40B4-BE49-F238E27FC236}">
                <a16:creationId xmlns:a16="http://schemas.microsoft.com/office/drawing/2014/main" id="{DBE67BBA-95CF-6F17-5B8A-09DB5A27801E}"/>
              </a:ext>
            </a:extLst>
          </p:cNvPr>
          <p:cNvSpPr txBox="1"/>
          <p:nvPr/>
        </p:nvSpPr>
        <p:spPr>
          <a:xfrm>
            <a:off x="-1" y="1723372"/>
            <a:ext cx="24345902" cy="1579920"/>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9600" b="0" kern="1200" spc="90">
                <a:solidFill>
                  <a:srgbClr val="F7A81B"/>
                </a:solidFill>
                <a:latin typeface="Frutiger LT Std 45 Light"/>
                <a:sym typeface="Frutiger LT Std 45 Light"/>
              </a:rPr>
              <a:t>Regional Council election timeline</a:t>
            </a:r>
            <a:endParaRPr sz="9600" b="0" kern="1200" spc="90">
              <a:solidFill>
                <a:srgbClr val="F7A81B"/>
              </a:solidFill>
              <a:latin typeface="Frutiger LT Std 45 Light"/>
              <a:sym typeface="Frutiger LT Std 45 Light"/>
            </a:endParaRPr>
          </a:p>
        </p:txBody>
      </p:sp>
      <p:grpSp>
        <p:nvGrpSpPr>
          <p:cNvPr id="17" name="Group 16">
            <a:extLst>
              <a:ext uri="{FF2B5EF4-FFF2-40B4-BE49-F238E27FC236}">
                <a16:creationId xmlns:a16="http://schemas.microsoft.com/office/drawing/2014/main" id="{30E7181D-9F4F-4930-8389-4A8967C1E861}"/>
              </a:ext>
            </a:extLst>
          </p:cNvPr>
          <p:cNvGrpSpPr/>
          <p:nvPr/>
        </p:nvGrpSpPr>
        <p:grpSpPr>
          <a:xfrm>
            <a:off x="14807227" y="4045293"/>
            <a:ext cx="4302290" cy="4686305"/>
            <a:chOff x="13362343" y="4105408"/>
            <a:chExt cx="4302290" cy="4686305"/>
          </a:xfrm>
        </p:grpSpPr>
        <p:sp>
          <p:nvSpPr>
            <p:cNvPr id="45" name="Arrow: Pentagon 44">
              <a:extLst>
                <a:ext uri="{FF2B5EF4-FFF2-40B4-BE49-F238E27FC236}">
                  <a16:creationId xmlns:a16="http://schemas.microsoft.com/office/drawing/2014/main" id="{26074F59-6978-E2F4-5C78-BC7EC963FE36}"/>
                </a:ext>
              </a:extLst>
            </p:cNvPr>
            <p:cNvSpPr/>
            <p:nvPr/>
          </p:nvSpPr>
          <p:spPr>
            <a:xfrm>
              <a:off x="13918335" y="7441887"/>
              <a:ext cx="3446346" cy="134982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Objection Period</a:t>
              </a:r>
              <a:endParaRPr lang="en-AU" sz="4000" dirty="0"/>
            </a:p>
          </p:txBody>
        </p:sp>
        <p:cxnSp>
          <p:nvCxnSpPr>
            <p:cNvPr id="71" name="Straight Connector 70">
              <a:extLst>
                <a:ext uri="{FF2B5EF4-FFF2-40B4-BE49-F238E27FC236}">
                  <a16:creationId xmlns:a16="http://schemas.microsoft.com/office/drawing/2014/main" id="{599FD30A-9DD4-6A55-A7F2-69D54E27D3C2}"/>
                </a:ext>
              </a:extLst>
            </p:cNvPr>
            <p:cNvCxnSpPr>
              <a:cxnSpLocks/>
            </p:cNvCxnSpPr>
            <p:nvPr/>
          </p:nvCxnSpPr>
          <p:spPr>
            <a:xfrm flipV="1">
              <a:off x="15513488" y="6659953"/>
              <a:ext cx="0" cy="781934"/>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DAC2FB48-0C68-52F8-4ABE-FCA76FC91E02}"/>
                </a:ext>
              </a:extLst>
            </p:cNvPr>
            <p:cNvSpPr txBox="1"/>
            <p:nvPr/>
          </p:nvSpPr>
          <p:spPr>
            <a:xfrm>
              <a:off x="13362343" y="4105408"/>
              <a:ext cx="4302290" cy="2554545"/>
            </a:xfrm>
            <a:prstGeom prst="rect">
              <a:avLst/>
            </a:prstGeom>
            <a:noFill/>
            <a:ln>
              <a:solidFill>
                <a:srgbClr val="FFC000"/>
              </a:solidFill>
            </a:ln>
          </p:spPr>
          <p:txBody>
            <a:bodyPr wrap="square">
              <a:spAutoFit/>
            </a:bodyPr>
            <a:lstStyle/>
            <a:p>
              <a:pPr algn="ctr"/>
              <a:r>
                <a:rPr lang="en-US" sz="3200" dirty="0">
                  <a:solidFill>
                    <a:srgbClr val="58585A"/>
                  </a:solidFill>
                  <a:latin typeface="Arial" panose="020B0604020202020204" pitchFamily="34" charset="0"/>
                  <a:cs typeface="Arial" panose="020B0604020202020204" pitchFamily="34" charset="0"/>
                </a:rPr>
                <a:t>1 – 15 Nov:</a:t>
              </a:r>
            </a:p>
            <a:p>
              <a:pPr algn="ctr"/>
              <a:r>
                <a:rPr lang="en-US" sz="3200" b="0" dirty="0">
                  <a:solidFill>
                    <a:srgbClr val="58585A"/>
                  </a:solidFill>
                  <a:latin typeface="Arial" panose="020B0604020202020204" pitchFamily="34" charset="0"/>
                  <a:cs typeface="Arial" panose="020B0604020202020204" pitchFamily="34" charset="0"/>
                </a:rPr>
                <a:t>If no objections are received, results will be upheld and confirmed on 15 Nov</a:t>
              </a:r>
              <a:endParaRPr lang="en-AU" sz="3200" b="0" dirty="0">
                <a:solidFill>
                  <a:srgbClr val="58585A"/>
                </a:solidFill>
                <a:latin typeface="Arial" panose="020B0604020202020204" pitchFamily="34" charset="0"/>
                <a:cs typeface="Arial" panose="020B0604020202020204" pitchFamily="34" charset="0"/>
              </a:endParaRPr>
            </a:p>
          </p:txBody>
        </p:sp>
      </p:grpSp>
      <p:grpSp>
        <p:nvGrpSpPr>
          <p:cNvPr id="10" name="Group 9">
            <a:extLst>
              <a:ext uri="{FF2B5EF4-FFF2-40B4-BE49-F238E27FC236}">
                <a16:creationId xmlns:a16="http://schemas.microsoft.com/office/drawing/2014/main" id="{DBF75FBC-1A98-5939-4E93-A2BC6DA6AA8C}"/>
              </a:ext>
            </a:extLst>
          </p:cNvPr>
          <p:cNvGrpSpPr/>
          <p:nvPr/>
        </p:nvGrpSpPr>
        <p:grpSpPr>
          <a:xfrm>
            <a:off x="544248" y="7390274"/>
            <a:ext cx="5005805" cy="5921698"/>
            <a:chOff x="335697" y="7343674"/>
            <a:chExt cx="5005805" cy="5921698"/>
          </a:xfrm>
        </p:grpSpPr>
        <p:sp>
          <p:nvSpPr>
            <p:cNvPr id="2" name="Arrow: Pentagon 1">
              <a:extLst>
                <a:ext uri="{FF2B5EF4-FFF2-40B4-BE49-F238E27FC236}">
                  <a16:creationId xmlns:a16="http://schemas.microsoft.com/office/drawing/2014/main" id="{2A7C88F7-3508-E917-F330-BB1C3F58C1E0}"/>
                </a:ext>
              </a:extLst>
            </p:cNvPr>
            <p:cNvSpPr/>
            <p:nvPr/>
          </p:nvSpPr>
          <p:spPr>
            <a:xfrm>
              <a:off x="1286949" y="7343674"/>
              <a:ext cx="3446346" cy="1349826"/>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Nominees</a:t>
              </a:r>
              <a:endParaRPr lang="en-AU" sz="4000" dirty="0"/>
            </a:p>
          </p:txBody>
        </p:sp>
        <p:sp>
          <p:nvSpPr>
            <p:cNvPr id="5" name="TextBox 4">
              <a:extLst>
                <a:ext uri="{FF2B5EF4-FFF2-40B4-BE49-F238E27FC236}">
                  <a16:creationId xmlns:a16="http://schemas.microsoft.com/office/drawing/2014/main" id="{D012E43A-2D10-6C36-BF21-6DC53339D57A}"/>
                </a:ext>
              </a:extLst>
            </p:cNvPr>
            <p:cNvSpPr txBox="1"/>
            <p:nvPr/>
          </p:nvSpPr>
          <p:spPr>
            <a:xfrm>
              <a:off x="335697" y="9233499"/>
              <a:ext cx="5005805" cy="4031873"/>
            </a:xfrm>
            <a:prstGeom prst="rect">
              <a:avLst/>
            </a:prstGeom>
            <a:noFill/>
            <a:ln>
              <a:solidFill>
                <a:srgbClr val="FFC000"/>
              </a:solidFill>
            </a:ln>
          </p:spPr>
          <p:txBody>
            <a:bodyPr wrap="square">
              <a:spAutoFit/>
            </a:bodyPr>
            <a:lstStyle/>
            <a:p>
              <a:pPr algn="ctr"/>
              <a:r>
                <a:rPr lang="en-US" sz="3200" dirty="0">
                  <a:solidFill>
                    <a:srgbClr val="58585A"/>
                  </a:solidFill>
                  <a:latin typeface="Arial" panose="020B0604020202020204" pitchFamily="34" charset="0"/>
                  <a:cs typeface="Arial" panose="020B0604020202020204" pitchFamily="34" charset="0"/>
                </a:rPr>
                <a:t>3 Oct:</a:t>
              </a:r>
            </a:p>
            <a:p>
              <a:pPr algn="ctr"/>
              <a:r>
                <a:rPr lang="en-US" sz="3200" b="0" dirty="0">
                  <a:solidFill>
                    <a:srgbClr val="58585A"/>
                  </a:solidFill>
                  <a:latin typeface="Arial" panose="020B0604020202020204" pitchFamily="34" charset="0"/>
                  <a:cs typeface="Arial" panose="020B0604020202020204" pitchFamily="34" charset="0"/>
                </a:rPr>
                <a:t>Nominees listed on Creating Tomorrow website, and</a:t>
              </a:r>
            </a:p>
            <a:p>
              <a:pPr algn="ctr"/>
              <a:r>
                <a:rPr lang="en-US" sz="3200" dirty="0">
                  <a:solidFill>
                    <a:srgbClr val="58585A"/>
                  </a:solidFill>
                  <a:latin typeface="Arial" panose="020B0604020202020204" pitchFamily="34" charset="0"/>
                  <a:cs typeface="Arial" panose="020B0604020202020204" pitchFamily="34" charset="0"/>
                </a:rPr>
                <a:t>voting instructions</a:t>
              </a:r>
              <a:r>
                <a:rPr lang="en-US" sz="3200" b="0" dirty="0">
                  <a:solidFill>
                    <a:srgbClr val="58585A"/>
                  </a:solidFill>
                  <a:latin typeface="Arial" panose="020B0604020202020204" pitchFamily="34" charset="0"/>
                  <a:cs typeface="Arial" panose="020B0604020202020204" pitchFamily="34" charset="0"/>
                </a:rPr>
                <a:t> emailed to Club Presidents and Secretaries</a:t>
              </a:r>
            </a:p>
          </p:txBody>
        </p:sp>
        <p:cxnSp>
          <p:nvCxnSpPr>
            <p:cNvPr id="6" name="Straight Connector 5">
              <a:extLst>
                <a:ext uri="{FF2B5EF4-FFF2-40B4-BE49-F238E27FC236}">
                  <a16:creationId xmlns:a16="http://schemas.microsoft.com/office/drawing/2014/main" id="{5F3B3E5A-DF1B-6D9A-AB12-A32739BBC935}"/>
                </a:ext>
              </a:extLst>
            </p:cNvPr>
            <p:cNvCxnSpPr>
              <a:cxnSpLocks/>
            </p:cNvCxnSpPr>
            <p:nvPr/>
          </p:nvCxnSpPr>
          <p:spPr>
            <a:xfrm flipV="1">
              <a:off x="2838600" y="8693499"/>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sp>
        <p:nvSpPr>
          <p:cNvPr id="24" name="TextBox 23">
            <a:extLst>
              <a:ext uri="{FF2B5EF4-FFF2-40B4-BE49-F238E27FC236}">
                <a16:creationId xmlns:a16="http://schemas.microsoft.com/office/drawing/2014/main" id="{09519725-05FD-7C84-BD72-20CB779D4ABA}"/>
              </a:ext>
            </a:extLst>
          </p:cNvPr>
          <p:cNvSpPr txBox="1"/>
          <p:nvPr/>
        </p:nvSpPr>
        <p:spPr>
          <a:xfrm>
            <a:off x="6072522" y="11771933"/>
            <a:ext cx="17767230" cy="1569660"/>
          </a:xfrm>
          <a:prstGeom prst="rect">
            <a:avLst/>
          </a:prstGeom>
          <a:noFill/>
          <a:ln>
            <a:solidFill>
              <a:srgbClr val="FFC000"/>
            </a:solidFill>
          </a:ln>
        </p:spPr>
        <p:txBody>
          <a:bodyPr wrap="square">
            <a:spAutoFit/>
          </a:bodyPr>
          <a:lstStyle/>
          <a:p>
            <a:pPr algn="ctr"/>
            <a:r>
              <a:rPr lang="en-US" sz="3200" dirty="0">
                <a:solidFill>
                  <a:srgbClr val="58585A"/>
                </a:solidFill>
                <a:latin typeface="Arial" panose="020B0604020202020204" pitchFamily="34" charset="0"/>
                <a:cs typeface="Arial" panose="020B0604020202020204" pitchFamily="34" charset="0"/>
              </a:rPr>
              <a:t>NOTE: </a:t>
            </a:r>
            <a:r>
              <a:rPr lang="en-US" sz="3200" b="0" dirty="0">
                <a:solidFill>
                  <a:srgbClr val="58585A"/>
                </a:solidFill>
                <a:latin typeface="Arial" panose="020B0604020202020204" pitchFamily="34" charset="0"/>
                <a:cs typeface="Arial" panose="020B0604020202020204" pitchFamily="34" charset="0"/>
              </a:rPr>
              <a:t>Please ensure your Club President’s email address is correct in My Rotary so they receive the ballot. If your Club President cannot vote during the voting period, they will need to select another Club Officer to vote.</a:t>
            </a:r>
          </a:p>
        </p:txBody>
      </p:sp>
    </p:spTree>
    <p:custDataLst>
      <p:tags r:id="rId1"/>
    </p:custDataLst>
    <p:extLst>
      <p:ext uri="{BB962C8B-B14F-4D97-AF65-F5344CB8AC3E}">
        <p14:creationId xmlns:p14="http://schemas.microsoft.com/office/powerpoint/2010/main" val="4095333502"/>
      </p:ext>
      <p:ext uri="db4824ee-58ba-4bd1-b029-b0e19f59b0e4">
        <p14:creationId xmlns="" xmlns:p14="http://schemas.microsoft.com/office/powerpoint/2010/main" xmlns:a16="http://schemas.microsoft.com/office/drawing/2014/main\" val="271479706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990600" y="3855427"/>
            <a:ext cx="21429785" cy="9272953"/>
          </a:xfrm>
          <a:prstGeom prst="rect">
            <a:avLst/>
          </a:prstGeom>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800"/>
              </a:spcAft>
              <a:buFont typeface="Arial" panose="020B0604020202020204" pitchFamily="34" charset="0"/>
              <a:buChar char="•"/>
            </a:pPr>
            <a:r>
              <a:rPr lang="en-AU" sz="5000" dirty="0">
                <a:solidFill>
                  <a:srgbClr val="58585A"/>
                </a:solidFill>
                <a:latin typeface="Arial" panose="02040604050505020304" pitchFamily="18" charset="0"/>
              </a:rPr>
              <a:t>A new way of grouping clubs based on commonalities such as:</a:t>
            </a:r>
          </a:p>
          <a:p>
            <a:pPr marL="1617663" lvl="3" indent="-665163">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617663" lvl="3" indent="-665163">
              <a:lnSpc>
                <a:spcPct val="114000"/>
              </a:lnSpc>
              <a:spcBef>
                <a:spcPts val="660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RCGs can meet in person, online or a combination of both, and choose how often they meet</a:t>
            </a:r>
          </a:p>
          <a:p>
            <a:pPr marL="1617663" lvl="3" indent="-665163">
              <a:lnSpc>
                <a:spcPct val="114000"/>
              </a:lnSpc>
              <a:spcBef>
                <a:spcPts val="0"/>
              </a:spcBef>
              <a:spcAft>
                <a:spcPts val="3000"/>
              </a:spcAft>
              <a:buFont typeface="Arial" panose="020B0604020202020204" pitchFamily="34" charset="0"/>
              <a:buChar char="•"/>
            </a:pPr>
            <a:r>
              <a:rPr lang="en-AU" sz="5000" dirty="0">
                <a:solidFill>
                  <a:srgbClr val="58585A"/>
                </a:solidFill>
                <a:latin typeface="Arial" panose="02040604050505020304" pitchFamily="18" charset="0"/>
              </a:rPr>
              <a:t>Clubs can also nominate a secondary grouping that will operate in online networks across the Zone e.g. environment, youth, DEI, etc.</a:t>
            </a:r>
          </a:p>
        </p:txBody>
      </p:sp>
      <p:sp>
        <p:nvSpPr>
          <p:cNvPr id="282" name="Rectangle"/>
          <p:cNvSpPr/>
          <p:nvPr/>
        </p:nvSpPr>
        <p:spPr>
          <a:xfrm>
            <a:off x="1" y="-35863"/>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1940352"/>
            <a:ext cx="24041100"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What are Rotary Community Groups (RCGs)?</a:t>
            </a:r>
            <a:endParaRPr sz="8000" b="0" kern="1200" spc="90" dirty="0">
              <a:solidFill>
                <a:srgbClr val="F7A81B"/>
              </a:solidFill>
              <a:latin typeface="Frutiger LT Std 45 Light"/>
              <a:sym typeface="Frutiger LT Std 45 Light"/>
            </a:endParaRPr>
          </a:p>
        </p:txBody>
      </p:sp>
      <p:grpSp>
        <p:nvGrpSpPr>
          <p:cNvPr id="45" name="Group 44">
            <a:extLst>
              <a:ext uri="{FF2B5EF4-FFF2-40B4-BE49-F238E27FC236}">
                <a16:creationId xmlns:a16="http://schemas.microsoft.com/office/drawing/2014/main" id="{40635C26-A901-F3FA-BDB2-59129170F319}"/>
              </a:ext>
            </a:extLst>
          </p:cNvPr>
          <p:cNvGrpSpPr/>
          <p:nvPr/>
        </p:nvGrpSpPr>
        <p:grpSpPr>
          <a:xfrm>
            <a:off x="1558347" y="5117123"/>
            <a:ext cx="21245268" cy="3597385"/>
            <a:chOff x="1575932" y="5258508"/>
            <a:chExt cx="21245268" cy="3456000"/>
          </a:xfrm>
        </p:grpSpPr>
        <p:grpSp>
          <p:nvGrpSpPr>
            <p:cNvPr id="42" name="Group 41">
              <a:extLst>
                <a:ext uri="{FF2B5EF4-FFF2-40B4-BE49-F238E27FC236}">
                  <a16:creationId xmlns:a16="http://schemas.microsoft.com/office/drawing/2014/main" id="{B9BA7C3C-F3E4-5A61-B703-5D3186D81DA9}"/>
                </a:ext>
              </a:extLst>
            </p:cNvPr>
            <p:cNvGrpSpPr/>
            <p:nvPr/>
          </p:nvGrpSpPr>
          <p:grpSpPr>
            <a:xfrm>
              <a:off x="1575932" y="5258508"/>
              <a:ext cx="6840000" cy="3456000"/>
              <a:chOff x="723900" y="5249572"/>
              <a:chExt cx="6840000" cy="3456000"/>
            </a:xfrm>
          </p:grpSpPr>
          <p:sp>
            <p:nvSpPr>
              <p:cNvPr id="36" name="Teardrop 35">
                <a:extLst>
                  <a:ext uri="{FF2B5EF4-FFF2-40B4-BE49-F238E27FC236}">
                    <a16:creationId xmlns:a16="http://schemas.microsoft.com/office/drawing/2014/main" id="{2768F2D6-723A-6052-1E85-11F0E7193750}"/>
                  </a:ext>
                </a:extLst>
              </p:cNvPr>
              <p:cNvSpPr/>
              <p:nvPr/>
            </p:nvSpPr>
            <p:spPr>
              <a:xfrm>
                <a:off x="723900"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6" name="TextBox 5">
                <a:extLst>
                  <a:ext uri="{FF2B5EF4-FFF2-40B4-BE49-F238E27FC236}">
                    <a16:creationId xmlns:a16="http://schemas.microsoft.com/office/drawing/2014/main" id="{44A95A58-AB16-6AE8-8D3B-9194521C1F82}"/>
                  </a:ext>
                </a:extLst>
              </p:cNvPr>
              <p:cNvSpPr txBox="1"/>
              <p:nvPr/>
            </p:nvSpPr>
            <p:spPr>
              <a:xfrm>
                <a:off x="2783108" y="5426112"/>
                <a:ext cx="4710423"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Geography</a:t>
                </a:r>
              </a:p>
              <a:p>
                <a:pPr lvl="5" indent="0" algn="l">
                  <a:lnSpc>
                    <a:spcPct val="114000"/>
                  </a:lnSpc>
                  <a:spcAft>
                    <a:spcPts val="1200"/>
                  </a:spcAft>
                </a:pPr>
                <a:r>
                  <a:rPr lang="en-AU" sz="4000" b="0" spc="-50" dirty="0">
                    <a:solidFill>
                      <a:schemeClr val="tx1"/>
                    </a:solidFill>
                    <a:latin typeface="Arial" panose="02040604050505020304" pitchFamily="18" charset="0"/>
                  </a:rPr>
                  <a:t>E.g. clubs may be close together or spread out</a:t>
                </a:r>
              </a:p>
            </p:txBody>
          </p:sp>
          <p:pic>
            <p:nvPicPr>
              <p:cNvPr id="1026" name="Picture 2" descr="Icon, Contact, Flat, Web, Business, Symbol - Blue Location Icon Png  Transparent PNG - 720x720 - Free Download on NicePNG">
                <a:extLst>
                  <a:ext uri="{FF2B5EF4-FFF2-40B4-BE49-F238E27FC236}">
                    <a16:creationId xmlns:a16="http://schemas.microsoft.com/office/drawing/2014/main" id="{3039E0CF-EE98-4C12-2C79-4A81CEFEE17F}"/>
                  </a:ext>
                </a:extLst>
              </p:cNvPr>
              <p:cNvPicPr>
                <a:picLocks noChangeArrowheads="1"/>
              </p:cNvPicPr>
              <p:nvPr/>
            </p:nvPicPr>
            <p:blipFill rotWithShape="1">
              <a:blip r:embed="rId3" cstate="print">
                <a:duotone>
                  <a:prstClr val="black"/>
                  <a:srgbClr val="3497DA">
                    <a:tint val="45000"/>
                    <a:satMod val="400000"/>
                  </a:srgbClr>
                </a:duotone>
                <a:extLst>
                  <a:ext uri="{BEBA8EAE-BF5A-486C-A8C5-ECC9F3942E4B}">
                    <a14:imgProps xmlns:a14="http://schemas.microsoft.com/office/drawing/2010/main">
                      <a14:imgLayer r:embed="rId4">
                        <a14:imgEffect>
                          <a14:backgroundRemoval t="9929" b="91489" l="10000" r="90000">
                            <a14:foregroundMark x1="47195" y1="19149" x2="38902" y2="29255"/>
                            <a14:foregroundMark x1="38902" y1="29255" x2="35854" y2="42730"/>
                            <a14:foregroundMark x1="35854" y1="42730" x2="50122" y2="91489"/>
                            <a14:foregroundMark x1="42927" y1="10638" x2="50610" y2="9752"/>
                            <a14:foregroundMark x1="50610" y1="9752" x2="55366" y2="10993"/>
                          </a14:backgroundRemoval>
                        </a14:imgEffect>
                      </a14:imgLayer>
                    </a14:imgProps>
                  </a:ext>
                  <a:ext uri="{28A0092B-C50C-407E-A947-70E740481C1C}">
                    <a14:useLocalDpi xmlns:a14="http://schemas.microsoft.com/office/drawing/2010/main" val="0"/>
                  </a:ext>
                </a:extLst>
              </a:blip>
              <a:srcRect l="27851" t="6263" r="27799" b="6830"/>
              <a:stretch/>
            </p:blipFill>
            <p:spPr bwMode="auto">
              <a:xfrm>
                <a:off x="966450" y="6331019"/>
                <a:ext cx="1440000" cy="144000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43" name="Group 42">
              <a:extLst>
                <a:ext uri="{FF2B5EF4-FFF2-40B4-BE49-F238E27FC236}">
                  <a16:creationId xmlns:a16="http://schemas.microsoft.com/office/drawing/2014/main" id="{EC114776-A24E-150E-E488-6344A0916690}"/>
                </a:ext>
              </a:extLst>
            </p:cNvPr>
            <p:cNvGrpSpPr/>
            <p:nvPr/>
          </p:nvGrpSpPr>
          <p:grpSpPr>
            <a:xfrm>
              <a:off x="8696943" y="5258508"/>
              <a:ext cx="6950192" cy="3456000"/>
              <a:chOff x="8468338" y="5258508"/>
              <a:chExt cx="6950192" cy="3456000"/>
            </a:xfrm>
          </p:grpSpPr>
          <p:sp>
            <p:nvSpPr>
              <p:cNvPr id="37" name="Teardrop 36">
                <a:extLst>
                  <a:ext uri="{FF2B5EF4-FFF2-40B4-BE49-F238E27FC236}">
                    <a16:creationId xmlns:a16="http://schemas.microsoft.com/office/drawing/2014/main" id="{13FE9ABC-7C60-99D0-7474-E6082BFD4003}"/>
                  </a:ext>
                </a:extLst>
              </p:cNvPr>
              <p:cNvSpPr/>
              <p:nvPr/>
            </p:nvSpPr>
            <p:spPr>
              <a:xfrm>
                <a:off x="8468338" y="5258508"/>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9" name="TextBox 8">
                <a:extLst>
                  <a:ext uri="{FF2B5EF4-FFF2-40B4-BE49-F238E27FC236}">
                    <a16:creationId xmlns:a16="http://schemas.microsoft.com/office/drawing/2014/main" id="{B846CBED-8D44-86D9-D27A-AA7F22CEEC9A}"/>
                  </a:ext>
                </a:extLst>
              </p:cNvPr>
              <p:cNvSpPr txBox="1"/>
              <p:nvPr/>
            </p:nvSpPr>
            <p:spPr>
              <a:xfrm>
                <a:off x="10706130" y="5426112"/>
                <a:ext cx="4712400"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Type of club</a:t>
                </a:r>
              </a:p>
              <a:p>
                <a:pPr lvl="5" indent="0" algn="l">
                  <a:lnSpc>
                    <a:spcPct val="114000"/>
                  </a:lnSpc>
                  <a:spcAft>
                    <a:spcPts val="1200"/>
                  </a:spcAft>
                </a:pPr>
                <a:r>
                  <a:rPr lang="en-AU" sz="4000" b="0" spc="-50" dirty="0">
                    <a:solidFill>
                      <a:schemeClr val="tx1"/>
                    </a:solidFill>
                    <a:latin typeface="Arial" panose="02040604050505020304" pitchFamily="18" charset="0"/>
                  </a:rPr>
                  <a:t>E.g. online clubs, passport clubs, corporate clubs </a:t>
                </a:r>
              </a:p>
            </p:txBody>
          </p:sp>
          <p:pic>
            <p:nvPicPr>
              <p:cNvPr id="17" name="Picture 16" descr="A blue circle with a white globe in it&#10;&#10;Description automatically generated">
                <a:extLst>
                  <a:ext uri="{FF2B5EF4-FFF2-40B4-BE49-F238E27FC236}">
                    <a16:creationId xmlns:a16="http://schemas.microsoft.com/office/drawing/2014/main" id="{B90CF3B9-E8F6-4B9D-2438-02DD15FACDA9}"/>
                  </a:ext>
                </a:extLst>
              </p:cNvPr>
              <p:cNvPicPr>
                <a:picLocks/>
              </p:cNvPicPr>
              <p:nvPr/>
            </p:nvPicPr>
            <p:blipFill rotWithShape="1">
              <a:blip r:embed="rId5" cstate="print">
                <a:alphaModFix/>
                <a:duotone>
                  <a:prstClr val="black"/>
                  <a:srgbClr val="3497DA">
                    <a:tint val="45000"/>
                    <a:satMod val="400000"/>
                  </a:srgbClr>
                </a:duotone>
                <a:extLst>
                  <a:ext uri="{BEBA8EAE-BF5A-486C-A8C5-ECC9F3942E4B}">
                    <a14:imgProps xmlns:a14="http://schemas.microsoft.com/office/drawing/2010/main">
                      <a14:imgLayer r:embed="rId6">
                        <a14:imgEffect>
                          <a14:backgroundRemoval t="1116" b="96792" l="10000" r="90000">
                            <a14:foregroundMark x1="34239" y1="11158" x2="34239" y2="11158"/>
                            <a14:foregroundMark x1="34239" y1="11158" x2="34239" y2="11158"/>
                            <a14:foregroundMark x1="34239" y1="11158" x2="34239" y2="11158"/>
                            <a14:foregroundMark x1="35326" y1="11576" x2="30000" y2="16179"/>
                            <a14:foregroundMark x1="30000" y1="16179" x2="23696" y2="28731"/>
                            <a14:foregroundMark x1="23696" y1="28731" x2="21848" y2="44073"/>
                            <a14:foregroundMark x1="21848" y1="44073" x2="24022" y2="60391"/>
                            <a14:foregroundMark x1="24022" y1="60391" x2="33478" y2="77824"/>
                            <a14:foregroundMark x1="33478" y1="77824" x2="57065" y2="89679"/>
                            <a14:foregroundMark x1="57065" y1="89679" x2="71957" y2="81172"/>
                            <a14:foregroundMark x1="71957" y1="81172" x2="76848" y2="41283"/>
                            <a14:foregroundMark x1="76848" y1="41283" x2="73587" y2="24965"/>
                            <a14:foregroundMark x1="73587" y1="24965" x2="52283" y2="12134"/>
                            <a14:foregroundMark x1="52283" y1="12134" x2="33696" y2="12134"/>
                            <a14:foregroundMark x1="33696" y1="12134" x2="19348" y2="49093"/>
                            <a14:foregroundMark x1="19348" y1="49093" x2="21739" y2="69317"/>
                            <a14:foregroundMark x1="21739" y1="69317" x2="28152" y2="79637"/>
                            <a14:foregroundMark x1="28152" y1="79637" x2="29674" y2="80893"/>
                            <a14:foregroundMark x1="47174" y1="8229" x2="37826" y2="9205"/>
                            <a14:foregroundMark x1="37826" y1="9205" x2="22935" y2="17434"/>
                            <a14:foregroundMark x1="22935" y1="17434" x2="15109" y2="34031"/>
                            <a14:foregroundMark x1="15109" y1="34031" x2="14022" y2="54812"/>
                            <a14:foregroundMark x1="14022" y1="54812" x2="22826" y2="70851"/>
                            <a14:foregroundMark x1="22826" y1="70851" x2="35652" y2="84519"/>
                            <a14:foregroundMark x1="35652" y1="84519" x2="51304" y2="92190"/>
                            <a14:foregroundMark x1="51304" y1="92190" x2="67174" y2="86890"/>
                            <a14:foregroundMark x1="67174" y1="86890" x2="76087" y2="73780"/>
                            <a14:foregroundMark x1="76087" y1="73780" x2="80978" y2="54533"/>
                            <a14:foregroundMark x1="80978" y1="54533" x2="79565" y2="34031"/>
                            <a14:foregroundMark x1="79565" y1="34031" x2="72174" y2="15760"/>
                            <a14:foregroundMark x1="72174" y1="15760" x2="55109" y2="2929"/>
                            <a14:foregroundMark x1="55109" y1="2929" x2="40978" y2="3347"/>
                            <a14:foregroundMark x1="40978" y1="3347" x2="35543" y2="5718"/>
                            <a14:foregroundMark x1="35543" y1="5718" x2="35435" y2="5997"/>
                            <a14:foregroundMark x1="40326" y1="2092" x2="47826" y2="1116"/>
                            <a14:foregroundMark x1="47826" y1="1116" x2="58370" y2="3905"/>
                            <a14:foregroundMark x1="75870" y1="48257" x2="74565" y2="61088"/>
                            <a14:foregroundMark x1="64783" y1="93026" x2="51739" y2="97490"/>
                            <a14:foregroundMark x1="51739" y1="97490" x2="42283" y2="97071"/>
                            <a14:foregroundMark x1="42283" y1="97071" x2="51196" y2="94700"/>
                            <a14:foregroundMark x1="51196" y1="94700" x2="58804" y2="94840"/>
                            <a14:foregroundMark x1="58804" y1="94840" x2="41957" y2="96792"/>
                            <a14:foregroundMark x1="41957" y1="96792" x2="41739" y2="96653"/>
                            <a14:foregroundMark x1="45109" y1="38215" x2="40761" y2="45049"/>
                            <a14:foregroundMark x1="40761" y1="45049" x2="44130" y2="38912"/>
                            <a14:foregroundMark x1="53370" y1="37936" x2="59457" y2="43515"/>
                            <a14:foregroundMark x1="59457" y1="43515" x2="53587" y2="36262"/>
                            <a14:foregroundMark x1="53587" y1="36262" x2="51957" y2="41702"/>
                            <a14:foregroundMark x1="53370" y1="24547" x2="53370" y2="30962"/>
                            <a14:foregroundMark x1="48478" y1="19107" x2="29348" y2="18271"/>
                            <a14:foregroundMark x1="29348" y1="18271" x2="44239" y2="20642"/>
                            <a14:foregroundMark x1="44239" y1="20642" x2="47391" y2="14923"/>
                            <a14:foregroundMark x1="47391" y1="14923" x2="47826" y2="23291"/>
                            <a14:foregroundMark x1="47826" y1="23291" x2="39130" y2="38075"/>
                            <a14:foregroundMark x1="39130" y1="38075" x2="41087" y2="40446"/>
                            <a14:foregroundMark x1="55000" y1="22176" x2="45109" y2="23152"/>
                            <a14:foregroundMark x1="45109" y1="23152" x2="37283" y2="31660"/>
                            <a14:foregroundMark x1="37283" y1="31660" x2="55543" y2="41841"/>
                            <a14:foregroundMark x1="55543" y1="41841" x2="42065" y2="64714"/>
                            <a14:foregroundMark x1="42065" y1="64714" x2="57174" y2="57183"/>
                            <a14:foregroundMark x1="57174" y1="57183" x2="47174" y2="38912"/>
                            <a14:foregroundMark x1="47174" y1="38912" x2="44783" y2="65969"/>
                            <a14:foregroundMark x1="44783" y1="65969" x2="60761" y2="49930"/>
                            <a14:foregroundMark x1="60761" y1="49930" x2="43261" y2="52162"/>
                            <a14:foregroundMark x1="43261" y1="52162" x2="53587" y2="39470"/>
                            <a14:foregroundMark x1="63152" y1="37099" x2="54348" y2="41562"/>
                            <a14:foregroundMark x1="54348" y1="41562" x2="63370" y2="42259"/>
                            <a14:foregroundMark x1="63370" y1="42259" x2="56848" y2="50349"/>
                            <a14:foregroundMark x1="56848" y1="50349" x2="40435" y2="41841"/>
                            <a14:foregroundMark x1="40435" y1="41841" x2="60326" y2="43654"/>
                            <a14:foregroundMark x1="60326" y1="43654" x2="45217" y2="57043"/>
                            <a14:foregroundMark x1="45217" y1="57043" x2="39674" y2="41283"/>
                            <a14:foregroundMark x1="39674" y1="41283" x2="58370" y2="58020"/>
                            <a14:foregroundMark x1="58370" y1="58020" x2="35543" y2="41144"/>
                            <a14:foregroundMark x1="35543" y1="41144" x2="31304" y2="45049"/>
                            <a14:foregroundMark x1="53696" y1="28173" x2="52826" y2="35704"/>
                            <a14:foregroundMark x1="52826" y1="35704" x2="44348" y2="25941"/>
                            <a14:foregroundMark x1="44348" y1="25941" x2="50870" y2="31381"/>
                            <a14:foregroundMark x1="50870" y1="31381" x2="46957" y2="36960"/>
                            <a14:foregroundMark x1="46957" y1="36960" x2="52609" y2="51743"/>
                            <a14:foregroundMark x1="52609" y1="51743" x2="47717" y2="69735"/>
                            <a14:foregroundMark x1="47717" y1="69735" x2="54891" y2="78243"/>
                            <a14:foregroundMark x1="54891" y1="78243" x2="58587" y2="72385"/>
                            <a14:foregroundMark x1="54783" y1="24268" x2="62065" y2="41980"/>
                            <a14:foregroundMark x1="62065" y1="41980" x2="60000" y2="76709"/>
                            <a14:foregroundMark x1="60000" y1="76709" x2="53261" y2="82148"/>
                            <a14:foregroundMark x1="53261" y1="82148" x2="54130" y2="82148"/>
                            <a14:foregroundMark x1="57717" y1="25244" x2="62283" y2="40586"/>
                            <a14:foregroundMark x1="62283" y1="40586" x2="63043" y2="69317"/>
                            <a14:foregroundMark x1="63043" y1="69317" x2="57609" y2="77545"/>
                            <a14:foregroundMark x1="53913" y1="19386" x2="62609" y2="33054"/>
                            <a14:foregroundMark x1="62609" y1="33054" x2="68261" y2="60530"/>
                            <a14:foregroundMark x1="68261" y1="60530" x2="65543" y2="70153"/>
                            <a14:foregroundMark x1="55761" y1="20084" x2="65217" y2="25941"/>
                            <a14:foregroundMark x1="65217" y1="25941" x2="73696" y2="40865"/>
                            <a14:foregroundMark x1="73696" y1="40865" x2="72826" y2="58438"/>
                            <a14:foregroundMark x1="72826" y1="58438" x2="68043" y2="68340"/>
                            <a14:foregroundMark x1="68043" y1="68340" x2="58152" y2="76848"/>
                            <a14:foregroundMark x1="41304" y1="20921" x2="34348" y2="23431"/>
                            <a14:foregroundMark x1="34348" y1="23431" x2="22609" y2="40167"/>
                            <a14:foregroundMark x1="22609" y1="40167" x2="26196" y2="58717"/>
                            <a14:foregroundMark x1="26196" y1="58717" x2="47283" y2="80195"/>
                            <a14:foregroundMark x1="47283" y1="80195" x2="50978" y2="82148"/>
                            <a14:foregroundMark x1="35435" y1="27057" x2="26739" y2="41144"/>
                            <a14:foregroundMark x1="26739" y1="41144" x2="25217" y2="50767"/>
                            <a14:foregroundMark x1="25217" y1="50767" x2="33043" y2="70153"/>
                            <a14:foregroundMark x1="33043" y1="70153" x2="38696" y2="77964"/>
                            <a14:foregroundMark x1="38696" y1="77964" x2="41522" y2="79916"/>
                            <a14:foregroundMark x1="39891" y1="36402" x2="38043" y2="43096"/>
                            <a14:foregroundMark x1="38043" y1="43096" x2="37935" y2="63319"/>
                            <a14:foregroundMark x1="37935" y1="63319" x2="41957" y2="75174"/>
                            <a14:foregroundMark x1="41957" y1="75174" x2="43696" y2="76569"/>
                            <a14:foregroundMark x1="25870" y1="49791" x2="50761" y2="51046"/>
                            <a14:foregroundMark x1="72826" y1="58298" x2="68696" y2="70711"/>
                            <a14:foregroundMark x1="68696" y1="70711" x2="60543" y2="78522"/>
                          </a14:backgroundRemoval>
                        </a14:imgEffect>
                      </a14:imgLayer>
                    </a14:imgProps>
                  </a:ext>
                  <a:ext uri="{28A0092B-C50C-407E-A947-70E740481C1C}">
                    <a14:useLocalDpi xmlns:a14="http://schemas.microsoft.com/office/drawing/2010/main" val="0"/>
                  </a:ext>
                </a:extLst>
              </a:blip>
              <a:srcRect l="9985" r="11064"/>
              <a:stretch/>
            </p:blipFill>
            <p:spPr>
              <a:xfrm>
                <a:off x="8739277" y="6331019"/>
                <a:ext cx="1440000" cy="1440000"/>
              </a:xfrm>
              <a:prstGeom prst="rect">
                <a:avLst/>
              </a:prstGeom>
            </p:spPr>
          </p:pic>
        </p:grpSp>
        <p:grpSp>
          <p:nvGrpSpPr>
            <p:cNvPr id="44" name="Group 43">
              <a:extLst>
                <a:ext uri="{FF2B5EF4-FFF2-40B4-BE49-F238E27FC236}">
                  <a16:creationId xmlns:a16="http://schemas.microsoft.com/office/drawing/2014/main" id="{568702EB-96EB-EB3F-2E5D-6C3142F73D0C}"/>
                </a:ext>
              </a:extLst>
            </p:cNvPr>
            <p:cNvGrpSpPr/>
            <p:nvPr/>
          </p:nvGrpSpPr>
          <p:grpSpPr>
            <a:xfrm>
              <a:off x="15816486" y="5258508"/>
              <a:ext cx="7004714" cy="3456000"/>
              <a:chOff x="16107268" y="5249572"/>
              <a:chExt cx="7004714" cy="3456000"/>
            </a:xfrm>
          </p:grpSpPr>
          <p:sp>
            <p:nvSpPr>
              <p:cNvPr id="38" name="Teardrop 37">
                <a:extLst>
                  <a:ext uri="{FF2B5EF4-FFF2-40B4-BE49-F238E27FC236}">
                    <a16:creationId xmlns:a16="http://schemas.microsoft.com/office/drawing/2014/main" id="{F4EBBF2C-FB7E-A19A-DDA6-BAE7F451AFA7}"/>
                  </a:ext>
                </a:extLst>
              </p:cNvPr>
              <p:cNvSpPr/>
              <p:nvPr/>
            </p:nvSpPr>
            <p:spPr>
              <a:xfrm>
                <a:off x="16107268"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1" name="TextBox 10">
                <a:extLst>
                  <a:ext uri="{FF2B5EF4-FFF2-40B4-BE49-F238E27FC236}">
                    <a16:creationId xmlns:a16="http://schemas.microsoft.com/office/drawing/2014/main" id="{58B3AD7D-F666-B4DE-3B5E-5E54FC2AE2D4}"/>
                  </a:ext>
                </a:extLst>
              </p:cNvPr>
              <p:cNvSpPr txBox="1"/>
              <p:nvPr/>
            </p:nvSpPr>
            <p:spPr>
              <a:xfrm>
                <a:off x="18399582" y="5426114"/>
                <a:ext cx="4712400"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Common feature</a:t>
                </a:r>
              </a:p>
              <a:p>
                <a:pPr lvl="5" indent="0" algn="l">
                  <a:lnSpc>
                    <a:spcPct val="114000"/>
                  </a:lnSpc>
                  <a:spcAft>
                    <a:spcPts val="1200"/>
                  </a:spcAft>
                </a:pPr>
                <a:r>
                  <a:rPr lang="en-AU" sz="4000" b="0" spc="-50" dirty="0">
                    <a:solidFill>
                      <a:schemeClr val="tx1"/>
                    </a:solidFill>
                    <a:latin typeface="Arial" panose="02040604050505020304" pitchFamily="18" charset="0"/>
                  </a:rPr>
                  <a:t>E.g. shared language, specific cause</a:t>
                </a:r>
              </a:p>
            </p:txBody>
          </p:sp>
          <p:sp>
            <p:nvSpPr>
              <p:cNvPr id="25" name="Heart 24">
                <a:extLst>
                  <a:ext uri="{FF2B5EF4-FFF2-40B4-BE49-F238E27FC236}">
                    <a16:creationId xmlns:a16="http://schemas.microsoft.com/office/drawing/2014/main" id="{78722B25-E04D-3396-6087-EBE1EFA7486C}"/>
                  </a:ext>
                </a:extLst>
              </p:cNvPr>
              <p:cNvSpPr/>
              <p:nvPr/>
            </p:nvSpPr>
            <p:spPr>
              <a:xfrm>
                <a:off x="16432729" y="6331019"/>
                <a:ext cx="1440000" cy="1440000"/>
              </a:xfrm>
              <a:prstGeom prst="heart">
                <a:avLst/>
              </a:prstGeom>
              <a:solidFill>
                <a:srgbClr val="4C758E"/>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grpSp>
      </p:grpSp>
    </p:spTree>
    <p:extLst>
      <p:ext uri="{BB962C8B-B14F-4D97-AF65-F5344CB8AC3E}">
        <p14:creationId xmlns:p14="http://schemas.microsoft.com/office/powerpoint/2010/main" val="36541329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304802" y="1940352"/>
            <a:ext cx="24345902"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a:solidFill>
                  <a:srgbClr val="F7A81B"/>
                </a:solidFill>
                <a:latin typeface="Frutiger LT Std 45 Light"/>
                <a:sym typeface="Frutiger LT Std 45 Light"/>
              </a:rPr>
              <a:t>Rotary Community Groups: Club Preferences Form</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990599" y="3855427"/>
            <a:ext cx="21989717" cy="9272953"/>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4500" dirty="0">
                <a:solidFill>
                  <a:srgbClr val="58585A"/>
                </a:solidFill>
                <a:latin typeface="Arial" panose="02040604050505020304" pitchFamily="18" charset="0"/>
              </a:rPr>
              <a:t>Clubs will tell us how they want to be grouped via the </a:t>
            </a:r>
            <a:r>
              <a:rPr lang="en-AU" sz="4500" b="1" dirty="0">
                <a:solidFill>
                  <a:srgbClr val="58585A"/>
                </a:solidFill>
                <a:latin typeface="Arial" panose="02040604050505020304" pitchFamily="18" charset="0"/>
              </a:rPr>
              <a:t>Club Preferences form</a:t>
            </a:r>
            <a:r>
              <a:rPr lang="en-AU" sz="4500" dirty="0">
                <a:solidFill>
                  <a:srgbClr val="58585A"/>
                </a:solidFill>
                <a:latin typeface="Arial" panose="02040604050505020304" pitchFamily="18" charset="0"/>
              </a:rPr>
              <a:t> emailed to Club Presidents and Secretaries on 20 September</a:t>
            </a:r>
          </a:p>
          <a:p>
            <a:pPr marL="1617663" lvl="3" indent="-665163">
              <a:lnSpc>
                <a:spcPct val="114000"/>
              </a:lnSpc>
              <a:spcBef>
                <a:spcPts val="0"/>
              </a:spcBef>
              <a:spcAft>
                <a:spcPts val="3000"/>
              </a:spcAft>
              <a:buFont typeface="Arial" panose="020B0604020202020204" pitchFamily="34" charset="0"/>
              <a:buChar char="•"/>
            </a:pPr>
            <a:r>
              <a:rPr lang="en-AU" sz="4500" dirty="0">
                <a:solidFill>
                  <a:srgbClr val="58585A"/>
                </a:solidFill>
                <a:latin typeface="Arial" panose="02040604050505020304" pitchFamily="18" charset="0"/>
              </a:rPr>
              <a:t>Each club’s President or Secretary will complete </a:t>
            </a:r>
            <a:r>
              <a:rPr lang="en-AU" sz="4500" b="1" dirty="0">
                <a:solidFill>
                  <a:srgbClr val="58585A"/>
                </a:solidFill>
                <a:latin typeface="Arial" panose="02040604050505020304" pitchFamily="18" charset="0"/>
              </a:rPr>
              <a:t>one</a:t>
            </a:r>
            <a:r>
              <a:rPr lang="en-AU" sz="4500" dirty="0">
                <a:solidFill>
                  <a:srgbClr val="58585A"/>
                </a:solidFill>
                <a:latin typeface="Arial" panose="02040604050505020304" pitchFamily="18" charset="0"/>
              </a:rPr>
              <a:t> Club Preferences form on behalf of their club by </a:t>
            </a:r>
            <a:r>
              <a:rPr lang="en-AU" sz="4500" b="1" dirty="0">
                <a:solidFill>
                  <a:srgbClr val="58585A"/>
                </a:solidFill>
                <a:latin typeface="Arial" panose="02040604050505020304" pitchFamily="18" charset="0"/>
              </a:rPr>
              <a:t>29 October 2023 11:59pm AEDT</a:t>
            </a:r>
          </a:p>
          <a:p>
            <a:pPr marL="1617663" lvl="3" indent="-665163">
              <a:lnSpc>
                <a:spcPct val="114000"/>
              </a:lnSpc>
              <a:spcBef>
                <a:spcPts val="0"/>
              </a:spcBef>
              <a:spcAft>
                <a:spcPts val="3000"/>
              </a:spcAft>
              <a:buFont typeface="Arial" panose="020B0604020202020204" pitchFamily="34" charset="0"/>
              <a:buChar char="•"/>
            </a:pPr>
            <a:r>
              <a:rPr lang="en-AU" sz="4500" dirty="0">
                <a:solidFill>
                  <a:srgbClr val="58585A"/>
                </a:solidFill>
                <a:latin typeface="Arial" panose="02040604050505020304" pitchFamily="18" charset="0"/>
              </a:rPr>
              <a:t>The responses in the form need to reflect the </a:t>
            </a:r>
            <a:r>
              <a:rPr lang="en-AU" sz="4500" b="1" dirty="0">
                <a:solidFill>
                  <a:srgbClr val="58585A"/>
                </a:solidFill>
                <a:latin typeface="Arial" panose="02040604050505020304" pitchFamily="18" charset="0"/>
              </a:rPr>
              <a:t>majority view </a:t>
            </a:r>
            <a:r>
              <a:rPr lang="en-AU" sz="4500" dirty="0">
                <a:solidFill>
                  <a:srgbClr val="58585A"/>
                </a:solidFill>
                <a:latin typeface="Arial" panose="02040604050505020304" pitchFamily="18" charset="0"/>
              </a:rPr>
              <a:t>of club members</a:t>
            </a:r>
          </a:p>
          <a:p>
            <a:pPr marL="1617663" lvl="3" indent="-665163">
              <a:lnSpc>
                <a:spcPct val="114000"/>
              </a:lnSpc>
              <a:spcBef>
                <a:spcPts val="0"/>
              </a:spcBef>
              <a:spcAft>
                <a:spcPts val="3000"/>
              </a:spcAft>
              <a:buFont typeface="Arial" panose="020B0604020202020204" pitchFamily="34" charset="0"/>
              <a:buChar char="•"/>
            </a:pPr>
            <a:r>
              <a:rPr lang="en-AU" sz="4500" dirty="0">
                <a:solidFill>
                  <a:srgbClr val="58585A"/>
                </a:solidFill>
                <a:latin typeface="Arial" panose="02040604050505020304" pitchFamily="18" charset="0"/>
              </a:rPr>
              <a:t>It is expected that clubs will discuss/workshop the questions in the form together</a:t>
            </a:r>
          </a:p>
          <a:p>
            <a:pPr marL="1617663" lvl="3" indent="-665163">
              <a:lnSpc>
                <a:spcPct val="114000"/>
              </a:lnSpc>
              <a:spcBef>
                <a:spcPts val="0"/>
              </a:spcBef>
              <a:spcAft>
                <a:spcPts val="3000"/>
              </a:spcAft>
              <a:buFont typeface="Arial" panose="020B0604020202020204" pitchFamily="34" charset="0"/>
              <a:buChar char="•"/>
            </a:pPr>
            <a:r>
              <a:rPr lang="en-AU" sz="4500" dirty="0">
                <a:solidFill>
                  <a:srgbClr val="58585A"/>
                </a:solidFill>
                <a:latin typeface="Arial" panose="02040604050505020304" pitchFamily="18" charset="0"/>
              </a:rPr>
              <a:t>In November, we will work with District leaders to determine the best groupings for that District, accommodating club preferences as much as possible</a:t>
            </a:r>
          </a:p>
          <a:p>
            <a:pPr marL="952500" lvl="3" indent="0">
              <a:lnSpc>
                <a:spcPct val="114000"/>
              </a:lnSpc>
              <a:spcBef>
                <a:spcPts val="0"/>
              </a:spcBef>
              <a:spcAft>
                <a:spcPts val="3000"/>
              </a:spcAft>
              <a:buNone/>
            </a:pPr>
            <a:endParaRPr lang="en-AU" sz="50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endParaRPr lang="en-AU" sz="5000" b="1"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AU" sz="5000" dirty="0">
              <a:solidFill>
                <a:srgbClr val="58585A"/>
              </a:solidFill>
              <a:latin typeface="Arial" panose="02040604050505020304" pitchFamily="18" charset="0"/>
            </a:endParaRPr>
          </a:p>
        </p:txBody>
      </p:sp>
    </p:spTree>
    <p:extLst>
      <p:ext uri="{BB962C8B-B14F-4D97-AF65-F5344CB8AC3E}">
        <p14:creationId xmlns:p14="http://schemas.microsoft.com/office/powerpoint/2010/main" val="2743094635"/>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270163"/>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162051" y="3589858"/>
            <a:ext cx="21507450" cy="9440341"/>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200"/>
              </a:spcAft>
              <a:buFont typeface="Arial" panose="020B0604020202020204" pitchFamily="34" charset="0"/>
              <a:buChar char="•"/>
            </a:pPr>
            <a:r>
              <a:rPr lang="en-AU" sz="4900" dirty="0">
                <a:solidFill>
                  <a:srgbClr val="58585A"/>
                </a:solidFill>
                <a:latin typeface="Arial" panose="02040604050505020304" pitchFamily="18" charset="0"/>
              </a:rPr>
              <a:t>Once RCGs are formed, they will meet to discuss:</a:t>
            </a:r>
          </a:p>
          <a:p>
            <a:pPr marL="3041650" lvl="8" indent="-808038">
              <a:lnSpc>
                <a:spcPct val="114000"/>
              </a:lnSpc>
              <a:spcBef>
                <a:spcPts val="0"/>
              </a:spcBef>
              <a:spcAft>
                <a:spcPts val="1200"/>
              </a:spcAft>
              <a:buFont typeface="Symbol" panose="05050102010706020507" pitchFamily="18" charset="2"/>
              <a:buChar char="-"/>
            </a:pPr>
            <a:r>
              <a:rPr lang="en-AU" sz="4900" dirty="0">
                <a:solidFill>
                  <a:srgbClr val="58585A"/>
                </a:solidFill>
                <a:latin typeface="Arial" panose="02040604050505020304" pitchFamily="18" charset="0"/>
              </a:rPr>
              <a:t>their vision</a:t>
            </a:r>
          </a:p>
          <a:p>
            <a:pPr marL="3041650" lvl="8" indent="-808038">
              <a:lnSpc>
                <a:spcPct val="114000"/>
              </a:lnSpc>
              <a:spcBef>
                <a:spcPts val="0"/>
              </a:spcBef>
              <a:spcAft>
                <a:spcPts val="1200"/>
              </a:spcAft>
              <a:buFont typeface="Symbol" panose="05050102010706020507" pitchFamily="18" charset="2"/>
              <a:buChar char="-"/>
            </a:pPr>
            <a:r>
              <a:rPr lang="en-AU" sz="4900" dirty="0">
                <a:solidFill>
                  <a:srgbClr val="58585A"/>
                </a:solidFill>
                <a:latin typeface="Arial" panose="02040604050505020304" pitchFamily="18" charset="0"/>
              </a:rPr>
              <a:t>what leadership and support they will need</a:t>
            </a:r>
          </a:p>
          <a:p>
            <a:pPr marL="3041650" lvl="8" indent="-808038">
              <a:lnSpc>
                <a:spcPct val="114000"/>
              </a:lnSpc>
              <a:spcBef>
                <a:spcPts val="0"/>
              </a:spcBef>
              <a:spcAft>
                <a:spcPts val="3000"/>
              </a:spcAft>
              <a:buFont typeface="Symbol" panose="05050102010706020507" pitchFamily="18" charset="2"/>
              <a:buChar char="-"/>
            </a:pPr>
            <a:r>
              <a:rPr lang="en-AU" sz="4900" dirty="0">
                <a:solidFill>
                  <a:srgbClr val="58585A"/>
                </a:solidFill>
                <a:latin typeface="Arial" panose="02040604050505020304" pitchFamily="18" charset="0"/>
              </a:rPr>
              <a:t>how and when they will meet</a:t>
            </a:r>
          </a:p>
          <a:p>
            <a:pPr marL="1617663" lvl="3" indent="-665163">
              <a:lnSpc>
                <a:spcPct val="114000"/>
              </a:lnSpc>
              <a:spcBef>
                <a:spcPts val="0"/>
              </a:spcBef>
              <a:spcAft>
                <a:spcPts val="3000"/>
              </a:spcAft>
              <a:buFont typeface="Arial" panose="020B0604020202020204" pitchFamily="34" charset="0"/>
              <a:buChar char="•"/>
            </a:pPr>
            <a:r>
              <a:rPr lang="en-AU" sz="4900" dirty="0">
                <a:solidFill>
                  <a:srgbClr val="58585A"/>
                </a:solidFill>
                <a:latin typeface="Arial" panose="02040604050505020304" pitchFamily="18" charset="0"/>
              </a:rPr>
              <a:t>The outcomes of this discussion will be documented and circulated to all members, and will supplement the position description for their RCL </a:t>
            </a:r>
          </a:p>
          <a:p>
            <a:pPr marL="1617663" lvl="3" indent="-665163">
              <a:lnSpc>
                <a:spcPct val="114000"/>
              </a:lnSpc>
              <a:spcBef>
                <a:spcPts val="0"/>
              </a:spcBef>
              <a:spcAft>
                <a:spcPts val="3000"/>
              </a:spcAft>
              <a:buFont typeface="Arial" panose="020B0604020202020204" pitchFamily="34" charset="0"/>
              <a:buChar char="•"/>
            </a:pPr>
            <a:r>
              <a:rPr lang="en-AU" sz="4900" dirty="0">
                <a:solidFill>
                  <a:srgbClr val="58585A"/>
                </a:solidFill>
                <a:latin typeface="Arial" panose="02040604050505020304" pitchFamily="18" charset="0"/>
              </a:rPr>
              <a:t>Once this is complete, nominations for RCLs will open</a:t>
            </a:r>
          </a:p>
          <a:p>
            <a:pPr marL="1617663" lvl="3" indent="-665163">
              <a:lnSpc>
                <a:spcPct val="114000"/>
              </a:lnSpc>
              <a:spcBef>
                <a:spcPts val="0"/>
              </a:spcBef>
              <a:spcAft>
                <a:spcPts val="3000"/>
              </a:spcAft>
              <a:buFont typeface="Arial" panose="020B0604020202020204" pitchFamily="34" charset="0"/>
              <a:buChar char="•"/>
            </a:pPr>
            <a:r>
              <a:rPr lang="en-AU" sz="4900" dirty="0">
                <a:solidFill>
                  <a:srgbClr val="58585A"/>
                </a:solidFill>
                <a:latin typeface="Arial" panose="02040604050505020304" pitchFamily="18" charset="0"/>
              </a:rPr>
              <a:t>Each club in an RCG will submit </a:t>
            </a:r>
            <a:r>
              <a:rPr lang="en-AU" sz="4900" b="1" dirty="0">
                <a:solidFill>
                  <a:srgbClr val="58585A"/>
                </a:solidFill>
                <a:latin typeface="Arial" panose="02040604050505020304" pitchFamily="18" charset="0"/>
              </a:rPr>
              <a:t>one</a:t>
            </a:r>
            <a:r>
              <a:rPr lang="en-AU" sz="4900" dirty="0">
                <a:solidFill>
                  <a:srgbClr val="58585A"/>
                </a:solidFill>
                <a:latin typeface="Arial" panose="02040604050505020304" pitchFamily="18" charset="0"/>
              </a:rPr>
              <a:t> </a:t>
            </a:r>
            <a:r>
              <a:rPr lang="en-AU" sz="4900" b="1" dirty="0">
                <a:solidFill>
                  <a:srgbClr val="58585A"/>
                </a:solidFill>
                <a:latin typeface="Arial" panose="02040604050505020304" pitchFamily="18" charset="0"/>
              </a:rPr>
              <a:t>preferential vote </a:t>
            </a:r>
            <a:r>
              <a:rPr lang="en-AU" sz="4900" dirty="0">
                <a:solidFill>
                  <a:srgbClr val="58585A"/>
                </a:solidFill>
                <a:latin typeface="Arial" panose="02040604050505020304" pitchFamily="18" charset="0"/>
              </a:rPr>
              <a:t>to elect their RCL</a:t>
            </a:r>
          </a:p>
          <a:p>
            <a:pPr marL="952500" lvl="3" indent="0">
              <a:lnSpc>
                <a:spcPct val="114000"/>
              </a:lnSpc>
              <a:spcBef>
                <a:spcPts val="0"/>
              </a:spcBef>
              <a:spcAft>
                <a:spcPts val="3000"/>
              </a:spcAft>
              <a:buNone/>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sp>
        <p:nvSpPr>
          <p:cNvPr id="4" name="How can you learn more?">
            <a:extLst>
              <a:ext uri="{FF2B5EF4-FFF2-40B4-BE49-F238E27FC236}">
                <a16:creationId xmlns:a16="http://schemas.microsoft.com/office/drawing/2014/main" id="{99EB0E17-BB44-B056-0265-BB93B2FE65C1}"/>
              </a:ext>
            </a:extLst>
          </p:cNvPr>
          <p:cNvSpPr txBox="1"/>
          <p:nvPr/>
        </p:nvSpPr>
        <p:spPr>
          <a:xfrm>
            <a:off x="-1" y="1940352"/>
            <a:ext cx="24345902"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8000" b="0" kern="1200" spc="90" dirty="0">
                <a:solidFill>
                  <a:srgbClr val="F7A81B"/>
                </a:solidFill>
                <a:latin typeface="Frutiger LT Std 45 Light"/>
                <a:sym typeface="Frutiger LT Std 45 Light"/>
              </a:rPr>
              <a:t>Rotary Community Leaders (RCLs)</a:t>
            </a:r>
          </a:p>
        </p:txBody>
      </p:sp>
    </p:spTree>
    <p:extLst>
      <p:ext uri="{BB962C8B-B14F-4D97-AF65-F5344CB8AC3E}">
        <p14:creationId xmlns:p14="http://schemas.microsoft.com/office/powerpoint/2010/main" val="734770279"/>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1"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111324" y="3823774"/>
            <a:ext cx="22123252" cy="9440341"/>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200"/>
              </a:spcAft>
              <a:buFont typeface="Arial" panose="020B0604020202020204" pitchFamily="34" charset="0"/>
              <a:buChar char="•"/>
            </a:pPr>
            <a:r>
              <a:rPr lang="en-AU" sz="3900" dirty="0">
                <a:solidFill>
                  <a:srgbClr val="58585A"/>
                </a:solidFill>
                <a:latin typeface="Arial" panose="02040604050505020304" pitchFamily="18" charset="0"/>
              </a:rPr>
              <a:t>Individuals or teams of people who are </a:t>
            </a:r>
            <a:r>
              <a:rPr lang="en-AU" sz="3900" b="1" dirty="0">
                <a:solidFill>
                  <a:srgbClr val="58585A"/>
                </a:solidFill>
                <a:latin typeface="Arial" panose="02040604050505020304" pitchFamily="18" charset="0"/>
              </a:rPr>
              <a:t>experts in a particular field</a:t>
            </a:r>
            <a:r>
              <a:rPr lang="en-AU" sz="3900" dirty="0">
                <a:solidFill>
                  <a:srgbClr val="58585A"/>
                </a:solidFill>
                <a:latin typeface="Arial" panose="02040604050505020304" pitchFamily="18" charset="0"/>
              </a:rPr>
              <a:t> and:</a:t>
            </a: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Will give advice and/or support to clubs</a:t>
            </a: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Know who other experts are</a:t>
            </a:r>
          </a:p>
          <a:p>
            <a:pPr marL="3041650" lvl="8" indent="-808038">
              <a:lnSpc>
                <a:spcPct val="114000"/>
              </a:lnSpc>
              <a:spcBef>
                <a:spcPts val="0"/>
              </a:spcBef>
              <a:spcAft>
                <a:spcPts val="3000"/>
              </a:spcAft>
              <a:buFont typeface="Symbol" panose="05050102010706020507" pitchFamily="18" charset="2"/>
              <a:buChar char="-"/>
            </a:pPr>
            <a:r>
              <a:rPr lang="en-AU" sz="3900" dirty="0">
                <a:solidFill>
                  <a:srgbClr val="58585A"/>
                </a:solidFill>
                <a:latin typeface="Arial" panose="02040604050505020304" pitchFamily="18" charset="0"/>
              </a:rPr>
              <a:t>Will liaise with clubs remotely and/or in person</a:t>
            </a:r>
          </a:p>
          <a:p>
            <a:pPr marL="1617663" lvl="3" indent="-665163">
              <a:lnSpc>
                <a:spcPct val="114000"/>
              </a:lnSpc>
              <a:spcBef>
                <a:spcPts val="0"/>
              </a:spcBef>
              <a:spcAft>
                <a:spcPts val="1200"/>
              </a:spcAft>
              <a:buFont typeface="Arial" panose="020B0604020202020204" pitchFamily="34" charset="0"/>
              <a:buChar char="•"/>
            </a:pPr>
            <a:r>
              <a:rPr lang="en-AU" sz="3900" dirty="0">
                <a:solidFill>
                  <a:srgbClr val="58585A"/>
                </a:solidFill>
                <a:latin typeface="Arial" panose="02040604050505020304" pitchFamily="18" charset="0"/>
              </a:rPr>
              <a:t>They can be:</a:t>
            </a: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People who have been in Rotary anywhere from a few months to a few decades</a:t>
            </a: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People who have never held a role outside their club before</a:t>
            </a:r>
          </a:p>
          <a:p>
            <a:pPr marL="3041650" lvl="8" indent="-808038">
              <a:lnSpc>
                <a:spcPct val="114000"/>
              </a:lnSpc>
              <a:spcBef>
                <a:spcPts val="0"/>
              </a:spcBef>
              <a:spcAft>
                <a:spcPts val="1200"/>
              </a:spcAft>
              <a:buFont typeface="Symbol" panose="05050102010706020507" pitchFamily="18" charset="2"/>
              <a:buChar char="-"/>
            </a:pPr>
            <a:r>
              <a:rPr lang="en-AU" sz="3900" dirty="0" err="1">
                <a:solidFill>
                  <a:srgbClr val="58585A"/>
                </a:solidFill>
                <a:latin typeface="Arial" panose="02040604050505020304" pitchFamily="18" charset="0"/>
              </a:rPr>
              <a:t>Rotaractors</a:t>
            </a:r>
            <a:endParaRPr lang="en-AU" sz="3900" dirty="0">
              <a:solidFill>
                <a:srgbClr val="58585A"/>
              </a:solidFill>
              <a:latin typeface="Arial" panose="02040604050505020304" pitchFamily="18" charset="0"/>
            </a:endParaRP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Current or former Assistant or Area Governors</a:t>
            </a:r>
          </a:p>
          <a:p>
            <a:pPr marL="3041650" lvl="8" indent="-808038">
              <a:lnSpc>
                <a:spcPct val="114000"/>
              </a:lnSpc>
              <a:spcBef>
                <a:spcPts val="0"/>
              </a:spcBef>
              <a:spcAft>
                <a:spcPts val="1200"/>
              </a:spcAft>
              <a:buFont typeface="Symbol" panose="05050102010706020507" pitchFamily="18" charset="2"/>
              <a:buChar char="-"/>
            </a:pPr>
            <a:r>
              <a:rPr lang="en-AU" sz="3900" dirty="0">
                <a:solidFill>
                  <a:srgbClr val="58585A"/>
                </a:solidFill>
                <a:latin typeface="Arial" panose="02040604050505020304" pitchFamily="18" charset="0"/>
              </a:rPr>
              <a:t>People who are currently or have previously been on a District Board or Committee</a:t>
            </a:r>
          </a:p>
          <a:p>
            <a:pPr marL="1617663" lvl="3" indent="-665163">
              <a:lnSpc>
                <a:spcPct val="114000"/>
              </a:lnSpc>
              <a:spcBef>
                <a:spcPts val="0"/>
              </a:spcBef>
              <a:spcAft>
                <a:spcPts val="1200"/>
              </a:spcAft>
              <a:buFont typeface="Arial" panose="020B0604020202020204" pitchFamily="34" charset="0"/>
              <a:buChar char="•"/>
            </a:pPr>
            <a:r>
              <a:rPr lang="en-AU" sz="3900" dirty="0">
                <a:solidFill>
                  <a:srgbClr val="58585A"/>
                </a:solidFill>
                <a:latin typeface="Arial" panose="02040604050505020304" pitchFamily="18" charset="0"/>
              </a:rPr>
              <a:t>Applications to be a Rotary Specialist will open in </a:t>
            </a:r>
            <a:r>
              <a:rPr lang="en-AU" sz="3900" b="1" dirty="0">
                <a:solidFill>
                  <a:srgbClr val="58585A"/>
                </a:solidFill>
                <a:latin typeface="Arial" panose="02040604050505020304" pitchFamily="18" charset="0"/>
              </a:rPr>
              <a:t>February 2024</a:t>
            </a:r>
            <a:endParaRPr lang="en-AU" sz="6000" b="1"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sp>
        <p:nvSpPr>
          <p:cNvPr id="4" name="How can you learn more?">
            <a:extLst>
              <a:ext uri="{FF2B5EF4-FFF2-40B4-BE49-F238E27FC236}">
                <a16:creationId xmlns:a16="http://schemas.microsoft.com/office/drawing/2014/main" id="{99EB0E17-BB44-B056-0265-BB93B2FE65C1}"/>
              </a:ext>
            </a:extLst>
          </p:cNvPr>
          <p:cNvSpPr txBox="1"/>
          <p:nvPr/>
        </p:nvSpPr>
        <p:spPr>
          <a:xfrm>
            <a:off x="-1" y="1940352"/>
            <a:ext cx="24345902" cy="133369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lang="en-US" sz="8000" b="0" kern="1200" spc="90" dirty="0">
                <a:solidFill>
                  <a:srgbClr val="F7A81B"/>
                </a:solidFill>
                <a:latin typeface="Frutiger LT Std 45 Light"/>
                <a:sym typeface="Frutiger LT Std 45 Light"/>
              </a:rPr>
              <a:t>W</a:t>
            </a:r>
            <a:r>
              <a:rPr lang="en-AU" sz="8000" b="0" kern="1200" spc="90" dirty="0">
                <a:solidFill>
                  <a:srgbClr val="F7A81B"/>
                </a:solidFill>
                <a:latin typeface="Frutiger LT Std 45 Light"/>
                <a:sym typeface="Frutiger LT Std 45 Light"/>
              </a:rPr>
              <a:t>hat is a Rotary Specialist?</a:t>
            </a:r>
          </a:p>
        </p:txBody>
      </p:sp>
    </p:spTree>
    <p:extLst>
      <p:ext uri="{BB962C8B-B14F-4D97-AF65-F5344CB8AC3E}">
        <p14:creationId xmlns:p14="http://schemas.microsoft.com/office/powerpoint/2010/main" val="1995678729"/>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5.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160</TotalTime>
  <Words>1310</Words>
  <Application>Microsoft Office PowerPoint</Application>
  <PresentationFormat>Custom</PresentationFormat>
  <Paragraphs>172</Paragraphs>
  <Slides>14</Slides>
  <Notes>14</Notes>
  <HiddenSlides>0</HiddenSlides>
  <MMClips>0</MMClips>
  <ScaleCrop>false</ScaleCrop>
  <HeadingPairs>
    <vt:vector size="6" baseType="variant">
      <vt:variant>
        <vt:lpstr>Fonts Used</vt:lpstr>
      </vt:variant>
      <vt:variant>
        <vt:i4>11</vt:i4>
      </vt:variant>
      <vt:variant>
        <vt:lpstr>Theme</vt:lpstr>
      </vt:variant>
      <vt:variant>
        <vt:i4>4</vt:i4>
      </vt:variant>
      <vt:variant>
        <vt:lpstr>Slide Titles</vt:lpstr>
      </vt:variant>
      <vt:variant>
        <vt:i4>14</vt:i4>
      </vt:variant>
    </vt:vector>
  </HeadingPairs>
  <TitlesOfParts>
    <vt:vector size="29" baseType="lpstr">
      <vt:lpstr>Arial</vt:lpstr>
      <vt:lpstr>Avenir Next LT Pro</vt:lpstr>
      <vt:lpstr>Calibri</vt:lpstr>
      <vt:lpstr>Calibri Light</vt:lpstr>
      <vt:lpstr>Frutiger LT Std 45 Light</vt:lpstr>
      <vt:lpstr>Helvetica Neue</vt:lpstr>
      <vt:lpstr>Helvetica Neue Light</vt:lpstr>
      <vt:lpstr>Helvetica Neue Medium</vt:lpstr>
      <vt:lpstr>Segoe UI</vt:lpstr>
      <vt:lpstr>Symbol</vt:lpstr>
      <vt:lpstr>Wingdings</vt:lpstr>
      <vt:lpstr>White</vt:lpstr>
      <vt:lpstr>Modern</vt:lpstr>
      <vt:lpstr>2_Office Theme</vt:lpstr>
      <vt:lpstr>1_Moder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ngrid Waugh</dc:creator>
  <cp:lastModifiedBy>Michelle Gallace</cp:lastModifiedBy>
  <cp:revision>1</cp:revision>
  <cp:lastPrinted>2023-09-25T02:12:07Z</cp:lastPrinted>
  <dcterms:modified xsi:type="dcterms:W3CDTF">2023-09-25T02:12:15Z</dcterms:modified>
</cp:coreProperties>
</file>